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8.10 -->
  <w:body>
    <w:p w:rsidR="001454A4" w:rsidP="00E06F24" w14:paraId="0E764DA3" w14:textId="7F7D8C2B">
      <w:pPr>
        <w:pStyle w:val="BodyText"/>
        <w:jc w:val="right"/>
      </w:pPr>
      <w:r>
        <w:t>March 2024</w:t>
      </w:r>
    </w:p>
    <w:p w:rsidR="00E06F24" w:rsidP="00E06F24" w14:paraId="1F9267CD" w14:textId="4E5C1909">
      <w:pPr>
        <w:pStyle w:val="BodyText"/>
        <w:spacing w:after="0"/>
      </w:pPr>
      <w:r>
        <w:t xml:space="preserve">Hon. </w:t>
      </w:r>
      <w:r w:rsidR="0090070A">
        <w:t>William Bergman</w:t>
      </w:r>
    </w:p>
    <w:p w:rsidR="00E06F24" w:rsidP="00E06F24" w14:paraId="4EA4F19F" w14:textId="77777777">
      <w:pPr>
        <w:pStyle w:val="BodyText"/>
        <w:spacing w:after="0"/>
      </w:pPr>
      <w:r>
        <w:t>Chairman</w:t>
      </w:r>
    </w:p>
    <w:p w:rsidR="00E06F24" w:rsidP="00E06F24" w14:paraId="28D64BE9" w14:textId="77777777">
      <w:pPr>
        <w:pStyle w:val="BodyText"/>
        <w:spacing w:after="0"/>
      </w:pPr>
      <w:r>
        <w:t>Zoning Board of Adjustment</w:t>
      </w:r>
    </w:p>
    <w:p w:rsidR="00E06F24" w:rsidP="00E06F24" w14:paraId="402AF9BE" w14:textId="77777777">
      <w:pPr>
        <w:pStyle w:val="BodyText"/>
        <w:spacing w:after="0"/>
      </w:pPr>
      <w:r>
        <w:t xml:space="preserve">One Parkway Building, 18th </w:t>
      </w:r>
      <w:r>
        <w:t>Floor</w:t>
      </w:r>
    </w:p>
    <w:p w:rsidR="00E06F24" w:rsidP="00E06F24" w14:paraId="4BBBCE88" w14:textId="77777777">
      <w:pPr>
        <w:pStyle w:val="BodyText"/>
        <w:spacing w:after="0"/>
      </w:pPr>
      <w:r>
        <w:t>1515 Arch Street</w:t>
      </w:r>
    </w:p>
    <w:p w:rsidR="00E06F24" w:rsidP="00E06F24" w14:paraId="7EEF0F72" w14:textId="77777777">
      <w:pPr>
        <w:pStyle w:val="BodyText"/>
        <w:spacing w:after="0"/>
      </w:pPr>
      <w:r>
        <w:t>Philadelphia, PA 19102</w:t>
      </w:r>
    </w:p>
    <w:p w:rsidR="00E06F24" w:rsidP="00E06F24" w14:paraId="343072AA" w14:textId="77777777">
      <w:pPr>
        <w:pStyle w:val="BodyText"/>
        <w:spacing w:after="0"/>
      </w:pPr>
    </w:p>
    <w:p w:rsidR="00E06F24" w:rsidRPr="00E06F24" w:rsidP="00445CE0" w14:paraId="41ABAD1D" w14:textId="54F6B87D">
      <w:pPr>
        <w:pStyle w:val="BodyText"/>
        <w:spacing w:after="0"/>
        <w:ind w:left="1440" w:hanging="720"/>
        <w:rPr>
          <w:b/>
        </w:rPr>
      </w:pPr>
      <w:r w:rsidRPr="00E06F24">
        <w:rPr>
          <w:b/>
        </w:rPr>
        <w:t>Re:</w:t>
      </w:r>
      <w:r w:rsidRPr="00E06F24">
        <w:rPr>
          <w:b/>
        </w:rPr>
        <w:tab/>
      </w:r>
      <w:r w:rsidR="005124CB">
        <w:rPr>
          <w:b/>
        </w:rPr>
        <w:t>209 W. Chestnut Hill</w:t>
      </w:r>
      <w:r w:rsidR="00800148">
        <w:rPr>
          <w:b/>
        </w:rPr>
        <w:t xml:space="preserve"> Avenue</w:t>
      </w:r>
      <w:r w:rsidR="00430BC7">
        <w:rPr>
          <w:b/>
          <w:u w:val="single"/>
        </w:rPr>
        <w:br/>
      </w:r>
      <w:r w:rsidRPr="00BA185A" w:rsidR="005124CB">
        <w:rPr>
          <w:b/>
        </w:rPr>
        <w:t>ZBA Calendar No. M</w:t>
      </w:r>
      <w:r w:rsidR="00BA185A">
        <w:rPr>
          <w:b/>
        </w:rPr>
        <w:t>I</w:t>
      </w:r>
      <w:r w:rsidRPr="00BA185A" w:rsidR="005124CB">
        <w:rPr>
          <w:b/>
        </w:rPr>
        <w:t>-2023-005047</w:t>
      </w:r>
      <w:r w:rsidR="005124CB">
        <w:rPr>
          <w:b/>
          <w:u w:val="single"/>
        </w:rPr>
        <w:br/>
        <w:t xml:space="preserve">Hearing Date:  Wednesday, March 27, </w:t>
      </w:r>
      <w:r w:rsidR="005124CB">
        <w:rPr>
          <w:b/>
          <w:u w:val="single"/>
        </w:rPr>
        <w:t>2024</w:t>
      </w:r>
      <w:r w:rsidR="005124CB">
        <w:rPr>
          <w:b/>
          <w:u w:val="single"/>
        </w:rPr>
        <w:t xml:space="preserve"> at 2:00 PM</w:t>
      </w:r>
    </w:p>
    <w:p w:rsidR="00BA3058" w:rsidP="00E06F24" w14:paraId="721D04B4" w14:textId="77777777">
      <w:pPr>
        <w:pStyle w:val="BodyText"/>
        <w:spacing w:after="0"/>
        <w:rPr>
          <w:b/>
          <w:u w:val="single"/>
        </w:rPr>
      </w:pPr>
      <w:r w:rsidRPr="00E06F24">
        <w:rPr>
          <w:b/>
        </w:rPr>
        <w:tab/>
      </w:r>
      <w:r w:rsidRPr="00E06F24">
        <w:rPr>
          <w:b/>
        </w:rPr>
        <w:tab/>
      </w:r>
    </w:p>
    <w:p w:rsidR="00BA3058" w:rsidP="00E06F24" w14:paraId="5E4A5F0E" w14:textId="3181BCC9">
      <w:pPr>
        <w:pStyle w:val="BodyText"/>
        <w:spacing w:after="0"/>
      </w:pPr>
      <w:r>
        <w:t xml:space="preserve">Chairman </w:t>
      </w:r>
      <w:r w:rsidR="00EE69EB">
        <w:t>Bergman</w:t>
      </w:r>
      <w:r>
        <w:t>:</w:t>
      </w:r>
    </w:p>
    <w:p w:rsidR="00BA3058" w:rsidP="00E06F24" w14:paraId="662D8B0D" w14:textId="77777777">
      <w:pPr>
        <w:pStyle w:val="BodyText"/>
        <w:spacing w:after="0"/>
      </w:pPr>
    </w:p>
    <w:p w:rsidR="009C7249" w:rsidP="00E06F24" w14:paraId="7C3C724C" w14:textId="02333E72">
      <w:pPr>
        <w:pStyle w:val="BodyText"/>
        <w:spacing w:after="0"/>
      </w:pPr>
      <w:r>
        <w:tab/>
        <w:t>We have been advised that the above</w:t>
      </w:r>
      <w:r w:rsidR="00724A01">
        <w:t>-</w:t>
      </w:r>
      <w:r>
        <w:t xml:space="preserve">referenced matter </w:t>
      </w:r>
      <w:r>
        <w:t>comprises</w:t>
      </w:r>
      <w:r>
        <w:t xml:space="preserve"> a</w:t>
      </w:r>
      <w:r w:rsidR="005124CB">
        <w:t>n updated</w:t>
      </w:r>
      <w:r>
        <w:t xml:space="preserve"> proposal to</w:t>
      </w:r>
      <w:r w:rsidR="00800148">
        <w:t xml:space="preserve"> </w:t>
      </w:r>
      <w:r w:rsidR="005124CB">
        <w:t xml:space="preserve">preserve the historic Greylock mansion, </w:t>
      </w:r>
      <w:r w:rsidR="00BA185A">
        <w:t>including</w:t>
      </w:r>
      <w:r w:rsidR="005124CB">
        <w:t xml:space="preserve"> the erection of complementary new structures, </w:t>
      </w:r>
      <w:r w:rsidR="00BA185A">
        <w:t xml:space="preserve">together </w:t>
      </w:r>
      <w:r w:rsidR="005124CB">
        <w:t xml:space="preserve">allowing </w:t>
      </w:r>
      <w:r w:rsidR="00BA185A">
        <w:t xml:space="preserve">a total </w:t>
      </w:r>
      <w:r w:rsidR="005124CB">
        <w:t>multi-family residential use for 15 dwelling units at this important Chestnut Hill site</w:t>
      </w:r>
      <w:r w:rsidR="00800148">
        <w:t>.</w:t>
      </w:r>
    </w:p>
    <w:p w:rsidR="009C7249" w:rsidP="00E06F24" w14:paraId="35F9C220" w14:textId="77777777">
      <w:pPr>
        <w:pStyle w:val="BodyText"/>
        <w:spacing w:after="0"/>
      </w:pPr>
    </w:p>
    <w:p w:rsidR="00BA3058" w:rsidP="00E06F24" w14:paraId="49990A7C" w14:textId="0ACD979F">
      <w:pPr>
        <w:pStyle w:val="BodyText"/>
        <w:spacing w:after="0"/>
      </w:pPr>
      <w:r>
        <w:tab/>
        <w:t xml:space="preserve">We do not oppose the requested relief and believe that the proposed </w:t>
      </w:r>
      <w:r w:rsidR="00430BC7">
        <w:t xml:space="preserve">new </w:t>
      </w:r>
      <w:r w:rsidR="00800148">
        <w:t>improvements</w:t>
      </w:r>
      <w:r w:rsidR="00430BC7">
        <w:t xml:space="preserve"> </w:t>
      </w:r>
      <w:r>
        <w:t xml:space="preserve">will </w:t>
      </w:r>
      <w:r>
        <w:t>benefit</w:t>
      </w:r>
      <w:r>
        <w:t xml:space="preserve"> our neighborhood</w:t>
      </w:r>
      <w:r w:rsidR="009D555C">
        <w:t xml:space="preserve"> and </w:t>
      </w:r>
      <w:r w:rsidR="00800148">
        <w:t>the subject property</w:t>
      </w:r>
      <w:r>
        <w:t>.</w:t>
      </w:r>
    </w:p>
    <w:p w:rsidR="00BA3058" w:rsidP="00E06F24" w14:paraId="0F340E1E" w14:textId="77777777">
      <w:pPr>
        <w:pStyle w:val="BodyText"/>
        <w:spacing w:after="0"/>
      </w:pPr>
    </w:p>
    <w:p w:rsidR="00BA3058" w:rsidP="00E06F24" w14:paraId="5B0E4AEC" w14:textId="77777777">
      <w:pPr>
        <w:pStyle w:val="BodyText"/>
        <w:spacing w:after="0"/>
      </w:pPr>
      <w:r>
        <w:tab/>
        <w:t>Thank you for the Board’s consideration of the community’s interests.</w:t>
      </w:r>
    </w:p>
    <w:p w:rsidR="00BA3058" w:rsidP="00E06F24" w14:paraId="4E5D1826" w14:textId="77777777">
      <w:pPr>
        <w:pStyle w:val="BodyText"/>
        <w:spacing w:after="0"/>
      </w:pPr>
    </w:p>
    <w:p w:rsidR="00BA3058" w:rsidP="00E06F24" w14:paraId="64745088" w14:textId="77777777">
      <w:pPr>
        <w:pStyle w:val="BodyText"/>
        <w:spacing w:after="0"/>
        <w:rPr>
          <w:b/>
        </w:rPr>
      </w:pPr>
      <w:r>
        <w:rPr>
          <w:b/>
        </w:rPr>
        <w:t>SIGNED:</w:t>
      </w:r>
    </w:p>
    <w:p w:rsidR="00BA3058" w:rsidP="00E06F24" w14:paraId="5D424C5E" w14:textId="77777777">
      <w:pPr>
        <w:pStyle w:val="BodyText"/>
        <w:spacing w:after="0"/>
        <w:rPr>
          <w:b/>
        </w:rPr>
      </w:pPr>
    </w:p>
    <w:p w:rsidR="00BA3058" w:rsidP="00E06F24" w14:paraId="53789F9E" w14:textId="77777777">
      <w:pPr>
        <w:pStyle w:val="BodyText"/>
        <w:spacing w:after="0"/>
        <w:rPr>
          <w:b/>
        </w:rPr>
      </w:pPr>
    </w:p>
    <w:p w:rsidR="00BA3058" w:rsidP="00E06F24" w14:paraId="559058B3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3058" w:rsidP="00E06F24" w14:paraId="1DA79EE0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3058" w:rsidP="00BA3058" w14:paraId="4286B4AB" w14:textId="77777777">
      <w:pPr>
        <w:pStyle w:val="BodyText"/>
        <w:spacing w:after="0"/>
        <w:rPr>
          <w:b/>
        </w:rPr>
      </w:pPr>
    </w:p>
    <w:p w:rsidR="00BA3058" w:rsidP="00BA3058" w14:paraId="44CDCDED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3058" w:rsidRPr="00BA3058" w:rsidP="00BA3058" w14:paraId="2661D3B7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3058" w:rsidP="00BA3058" w14:paraId="1203EC6C" w14:textId="77777777">
      <w:pPr>
        <w:pStyle w:val="BodyText"/>
        <w:spacing w:after="0"/>
        <w:rPr>
          <w:b/>
        </w:rPr>
      </w:pPr>
    </w:p>
    <w:p w:rsidR="00BA3058" w:rsidP="00BA3058" w14:paraId="3B91B603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3058" w:rsidRPr="00BA3058" w:rsidP="00BA3058" w14:paraId="60007591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3058" w:rsidP="00BA3058" w14:paraId="0CAB2BC6" w14:textId="77777777">
      <w:pPr>
        <w:pStyle w:val="BodyText"/>
        <w:spacing w:after="0"/>
        <w:rPr>
          <w:b/>
        </w:rPr>
      </w:pPr>
    </w:p>
    <w:p w:rsidR="00BA3058" w:rsidP="00BA3058" w14:paraId="1DBAF438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3058" w:rsidRPr="00BA3058" w:rsidP="00BA3058" w14:paraId="2837BF0B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724A01" w:rsidP="00724A01" w14:paraId="7DA8D365" w14:textId="77777777">
      <w:pPr>
        <w:pStyle w:val="BodyText"/>
        <w:spacing w:after="0"/>
        <w:rPr>
          <w:b/>
        </w:rPr>
      </w:pPr>
    </w:p>
    <w:p w:rsidR="00724A01" w:rsidP="00724A01" w14:paraId="50C2D80E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724A01" w:rsidP="00724A01" w14:paraId="5DE76F6B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724A01" w:rsidP="00724A01" w14:paraId="12AA5003" w14:textId="77777777">
      <w:pPr>
        <w:pStyle w:val="BodyText"/>
        <w:spacing w:after="0"/>
        <w:rPr>
          <w:b/>
        </w:rPr>
      </w:pPr>
    </w:p>
    <w:p w:rsidR="00724A01" w:rsidP="00724A01" w14:paraId="2ACC4B66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724A01" w:rsidRPr="00BA3058" w:rsidP="00724A01" w14:paraId="7A754664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724A01" w:rsidP="00724A01" w14:paraId="001A6F54" w14:textId="77777777">
      <w:pPr>
        <w:pStyle w:val="BodyText"/>
        <w:spacing w:after="0"/>
        <w:rPr>
          <w:b/>
        </w:rPr>
      </w:pPr>
    </w:p>
    <w:p w:rsidR="00BA185A" w:rsidP="00724A01" w14:paraId="2865CA03" w14:textId="77777777">
      <w:pPr>
        <w:pStyle w:val="BodyText"/>
        <w:spacing w:after="0"/>
        <w:rPr>
          <w:b/>
        </w:rPr>
      </w:pPr>
    </w:p>
    <w:p w:rsidR="00BA185A" w:rsidP="00BA185A" w14:paraId="6403A317" w14:textId="77777777">
      <w:pPr>
        <w:pStyle w:val="BodyText"/>
        <w:spacing w:after="0"/>
        <w:rPr>
          <w:b/>
        </w:rPr>
      </w:pPr>
    </w:p>
    <w:p w:rsidR="00BA185A" w:rsidP="00BA185A" w14:paraId="7A948690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P="00BA185A" w14:paraId="2EFB4105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77FA1649" w14:textId="77777777">
      <w:pPr>
        <w:pStyle w:val="BodyText"/>
        <w:spacing w:after="0"/>
        <w:rPr>
          <w:b/>
        </w:rPr>
      </w:pPr>
    </w:p>
    <w:p w:rsidR="00BA185A" w:rsidP="00BA185A" w14:paraId="5035D492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3C28CE2A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0479F508" w14:textId="77777777">
      <w:pPr>
        <w:pStyle w:val="BodyText"/>
        <w:spacing w:after="0"/>
        <w:rPr>
          <w:b/>
        </w:rPr>
      </w:pPr>
    </w:p>
    <w:p w:rsidR="00BA185A" w:rsidP="00BA185A" w14:paraId="55B9EA3A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585BA75C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4F304AAA" w14:textId="77777777">
      <w:pPr>
        <w:pStyle w:val="BodyText"/>
        <w:spacing w:after="0"/>
        <w:rPr>
          <w:b/>
        </w:rPr>
      </w:pPr>
    </w:p>
    <w:p w:rsidR="00BA185A" w:rsidP="00BA185A" w14:paraId="0AAD3839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32529BBB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262D112E" w14:textId="77777777">
      <w:pPr>
        <w:pStyle w:val="BodyText"/>
        <w:spacing w:after="0"/>
        <w:rPr>
          <w:b/>
        </w:rPr>
      </w:pPr>
    </w:p>
    <w:p w:rsidR="00BA185A" w:rsidP="00BA185A" w14:paraId="29F8C6B0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P="00BA185A" w14:paraId="47EB1186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200C1560" w14:textId="77777777">
      <w:pPr>
        <w:pStyle w:val="BodyText"/>
        <w:spacing w:after="0"/>
        <w:rPr>
          <w:b/>
        </w:rPr>
      </w:pPr>
    </w:p>
    <w:p w:rsidR="00BA185A" w:rsidP="00BA185A" w14:paraId="0A9CD999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3E546E44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4816FC92" w14:textId="77777777">
      <w:pPr>
        <w:pStyle w:val="BodyText"/>
        <w:spacing w:after="0"/>
        <w:rPr>
          <w:b/>
        </w:rPr>
      </w:pPr>
    </w:p>
    <w:p w:rsidR="00BA185A" w:rsidP="00BA185A" w14:paraId="34E44D06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P="00BA185A" w14:paraId="356BACCE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7ED13B91" w14:textId="77777777">
      <w:pPr>
        <w:pStyle w:val="BodyText"/>
        <w:spacing w:after="0"/>
        <w:rPr>
          <w:b/>
        </w:rPr>
      </w:pPr>
    </w:p>
    <w:p w:rsidR="00BA185A" w:rsidP="00BA185A" w14:paraId="3BE7169F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2B5BAFCC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7773FD5F" w14:textId="77777777">
      <w:pPr>
        <w:pStyle w:val="BodyText"/>
        <w:spacing w:after="0"/>
        <w:rPr>
          <w:b/>
        </w:rPr>
      </w:pPr>
    </w:p>
    <w:p w:rsidR="00BA185A" w:rsidP="00BA185A" w14:paraId="37CC24AA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2DA7710A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0BA859F6" w14:textId="77777777">
      <w:pPr>
        <w:pStyle w:val="BodyText"/>
        <w:spacing w:after="0"/>
        <w:rPr>
          <w:b/>
        </w:rPr>
      </w:pPr>
    </w:p>
    <w:p w:rsidR="00BA185A" w:rsidP="00BA185A" w14:paraId="548FF73A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320C4323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1B78721B" w14:textId="77777777">
      <w:pPr>
        <w:pStyle w:val="BodyText"/>
        <w:spacing w:after="0"/>
        <w:rPr>
          <w:b/>
        </w:rPr>
      </w:pPr>
    </w:p>
    <w:p w:rsidR="00BA185A" w:rsidP="00BA185A" w14:paraId="76BE27DC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P="00BA185A" w14:paraId="780C09A5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00DB0059" w14:textId="77777777">
      <w:pPr>
        <w:pStyle w:val="BodyText"/>
        <w:spacing w:after="0"/>
        <w:rPr>
          <w:b/>
        </w:rPr>
      </w:pPr>
    </w:p>
    <w:p w:rsidR="00BA185A" w:rsidP="00BA185A" w14:paraId="6CA8FE1E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2A29B00C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1C539800" w14:textId="77777777">
      <w:pPr>
        <w:pStyle w:val="BodyText"/>
        <w:spacing w:after="0"/>
        <w:rPr>
          <w:b/>
        </w:rPr>
      </w:pPr>
    </w:p>
    <w:p w:rsidR="00BA185A" w:rsidP="00BA185A" w14:paraId="4DFAF118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P="00BA185A" w14:paraId="2F000F4B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30578777" w14:textId="77777777">
      <w:pPr>
        <w:pStyle w:val="BodyText"/>
        <w:spacing w:after="0"/>
        <w:rPr>
          <w:b/>
        </w:rPr>
      </w:pPr>
    </w:p>
    <w:p w:rsidR="00BA185A" w:rsidP="00BA185A" w14:paraId="28F4A431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4C4BBBF9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BA185A" w:rsidP="00BA185A" w14:paraId="107726F0" w14:textId="77777777">
      <w:pPr>
        <w:pStyle w:val="BodyText"/>
        <w:spacing w:after="0"/>
        <w:rPr>
          <w:b/>
        </w:rPr>
      </w:pPr>
    </w:p>
    <w:p w:rsidR="00BA185A" w:rsidP="00BA185A" w14:paraId="461D72BE" w14:textId="77777777">
      <w:pPr>
        <w:pStyle w:val="BodyText"/>
        <w:spacing w:after="0"/>
        <w:rPr>
          <w:b/>
        </w:rPr>
      </w:pPr>
      <w:r>
        <w:rPr>
          <w:b/>
        </w:rPr>
        <w:t>__________________________________</w:t>
      </w:r>
      <w:r>
        <w:rPr>
          <w:b/>
        </w:rPr>
        <w:tab/>
      </w:r>
      <w:r>
        <w:rPr>
          <w:b/>
        </w:rPr>
        <w:tab/>
        <w:t xml:space="preserve">__________________________________ </w:t>
      </w:r>
    </w:p>
    <w:p w:rsidR="00BA185A" w:rsidRPr="00BA3058" w:rsidP="00BA185A" w14:paraId="72C7CDA5" w14:textId="77777777">
      <w:pPr>
        <w:pStyle w:val="BodyText"/>
        <w:spacing w:after="0"/>
      </w:pPr>
      <w:r>
        <w:t>Name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ddress</w:t>
      </w:r>
    </w:p>
    <w:p w:rsidR="00724A01" w:rsidP="00724A01" w14:paraId="695E157D" w14:textId="203358E0">
      <w:pPr>
        <w:pStyle w:val="BodyText"/>
        <w:spacing w:after="0"/>
        <w:rPr>
          <w:b/>
        </w:rPr>
      </w:pPr>
    </w:p>
    <w:sectPr w:rsidSect="00E55F20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imSun">
    <w:altName w:val="宋体"/>
    <w:panose1 w:val="02010600030101010101"/>
    <w:charset w:val="86"/>
    <w:family w:val="auto"/>
    <w:pitch w:val="variable"/>
    <w:sig w:usb0="00000203" w:usb1="288F0000" w:usb2="00000016" w:usb3="00000000" w:csb0="0004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87824" w14:paraId="2868149D" w14:textId="7777777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87703" w14:paraId="0523C68C" w14:textId="77777777">
    <w:pPr>
      <w:pStyle w:val="Footer"/>
    </w:pPr>
  </w:p>
  <w:p w:rsidR="00A87703" w:rsidP="00A87703" w14:paraId="48848B67" w14:textId="710B9CF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A87703">
      <w:rPr>
        <w:sz w:val="18"/>
      </w:rPr>
      <w:instrText>IF "</w:instrText>
    </w:r>
    <w:r w:rsidRPr="00A87703">
      <w:rPr>
        <w:sz w:val="18"/>
      </w:rPr>
      <w:fldChar w:fldCharType="begin"/>
    </w:r>
    <w:r w:rsidRPr="00A87703">
      <w:rPr>
        <w:sz w:val="18"/>
      </w:rPr>
      <w:instrText xml:space="preserve"> DOCVARIABLE "SWDocIDLocation" </w:instrText>
    </w:r>
    <w:r w:rsidRPr="00A87703">
      <w:rPr>
        <w:sz w:val="18"/>
      </w:rPr>
      <w:fldChar w:fldCharType="separate"/>
    </w:r>
    <w:r w:rsidRPr="00A87703">
      <w:rPr>
        <w:sz w:val="18"/>
      </w:rPr>
      <w:instrText>1</w:instrText>
    </w:r>
    <w:r w:rsidRPr="00A87703">
      <w:rPr>
        <w:sz w:val="18"/>
      </w:rPr>
      <w:fldChar w:fldCharType="end"/>
    </w:r>
    <w:r w:rsidRPr="00A87703">
      <w:rPr>
        <w:sz w:val="18"/>
      </w:rPr>
      <w:instrText>" = "1" "</w:instrText>
    </w:r>
    <w:r w:rsidRPr="00A87703">
      <w:rPr>
        <w:sz w:val="18"/>
      </w:rPr>
      <w:fldChar w:fldCharType="begin"/>
    </w:r>
    <w:r w:rsidRPr="00A87703">
      <w:rPr>
        <w:sz w:val="18"/>
      </w:rPr>
      <w:instrText xml:space="preserve"> DOCPROPERTY "SWDocID" </w:instrText>
    </w:r>
    <w:r w:rsidRPr="00A87703">
      <w:rPr>
        <w:sz w:val="18"/>
      </w:rPr>
      <w:fldChar w:fldCharType="separate"/>
    </w:r>
    <w:r w:rsidRPr="00A87703">
      <w:rPr>
        <w:sz w:val="18"/>
      </w:rPr>
      <w:instrText>153449.00406/132754422v.1</w:instrText>
    </w:r>
    <w:r w:rsidRPr="00A87703">
      <w:rPr>
        <w:sz w:val="18"/>
      </w:rPr>
      <w:fldChar w:fldCharType="end"/>
    </w:r>
    <w:r w:rsidRPr="00A8770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Pr="00A87703">
      <w:rPr>
        <w:sz w:val="18"/>
      </w:rPr>
      <w:t>153449.00406/132754422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87824" w14:paraId="6DA3ABCE" w14:textId="77777777">
    <w:pPr>
      <w:pStyle w:val="Footer"/>
    </w:pPr>
  </w:p>
</w:ftr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87824" w14:paraId="0AF75334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87824" w14:paraId="1D9DF9FD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87824" w14:paraId="5704BADE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9522A00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A926850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6356303A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1D102F48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4D648AE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3AB2224E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896AF22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F78D87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C088A6A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34368E0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defaultTabStop w:val="720"/>
  <w:characterSpacingControl w:val="doNotCompress"/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E06F24"/>
    <w:rsid w:val="0000181C"/>
    <w:rsid w:val="000024F9"/>
    <w:rsid w:val="00005E04"/>
    <w:rsid w:val="00006179"/>
    <w:rsid w:val="0000659A"/>
    <w:rsid w:val="000065D5"/>
    <w:rsid w:val="00006A76"/>
    <w:rsid w:val="00007E73"/>
    <w:rsid w:val="00007F38"/>
    <w:rsid w:val="00010453"/>
    <w:rsid w:val="00014B83"/>
    <w:rsid w:val="00014E75"/>
    <w:rsid w:val="00015092"/>
    <w:rsid w:val="00016833"/>
    <w:rsid w:val="0001776A"/>
    <w:rsid w:val="00020334"/>
    <w:rsid w:val="00022B5E"/>
    <w:rsid w:val="00023217"/>
    <w:rsid w:val="00024E78"/>
    <w:rsid w:val="000267F0"/>
    <w:rsid w:val="00027FB0"/>
    <w:rsid w:val="000321E2"/>
    <w:rsid w:val="00032340"/>
    <w:rsid w:val="000331A4"/>
    <w:rsid w:val="00034B12"/>
    <w:rsid w:val="00035306"/>
    <w:rsid w:val="00035565"/>
    <w:rsid w:val="000357CC"/>
    <w:rsid w:val="0003658F"/>
    <w:rsid w:val="000374FB"/>
    <w:rsid w:val="00037E68"/>
    <w:rsid w:val="00040439"/>
    <w:rsid w:val="0004188C"/>
    <w:rsid w:val="000420A1"/>
    <w:rsid w:val="00042B05"/>
    <w:rsid w:val="00042FFE"/>
    <w:rsid w:val="00043280"/>
    <w:rsid w:val="000435C0"/>
    <w:rsid w:val="00043FE7"/>
    <w:rsid w:val="000450D4"/>
    <w:rsid w:val="00050845"/>
    <w:rsid w:val="00050D77"/>
    <w:rsid w:val="000521DB"/>
    <w:rsid w:val="00052E80"/>
    <w:rsid w:val="0005348E"/>
    <w:rsid w:val="00053F1A"/>
    <w:rsid w:val="0005445E"/>
    <w:rsid w:val="00054B08"/>
    <w:rsid w:val="0005552A"/>
    <w:rsid w:val="00055655"/>
    <w:rsid w:val="00057432"/>
    <w:rsid w:val="000616AC"/>
    <w:rsid w:val="00061EFE"/>
    <w:rsid w:val="0006277D"/>
    <w:rsid w:val="00062C94"/>
    <w:rsid w:val="00063C49"/>
    <w:rsid w:val="00065C2E"/>
    <w:rsid w:val="0006615D"/>
    <w:rsid w:val="00066A5E"/>
    <w:rsid w:val="00067637"/>
    <w:rsid w:val="00067C7E"/>
    <w:rsid w:val="000702A8"/>
    <w:rsid w:val="000732FE"/>
    <w:rsid w:val="0007404E"/>
    <w:rsid w:val="0007516C"/>
    <w:rsid w:val="00075881"/>
    <w:rsid w:val="00075FF7"/>
    <w:rsid w:val="00076161"/>
    <w:rsid w:val="0007647F"/>
    <w:rsid w:val="00076505"/>
    <w:rsid w:val="000769D2"/>
    <w:rsid w:val="000777DC"/>
    <w:rsid w:val="00077BE1"/>
    <w:rsid w:val="00077FBB"/>
    <w:rsid w:val="000814C8"/>
    <w:rsid w:val="000814F8"/>
    <w:rsid w:val="00081CEF"/>
    <w:rsid w:val="0008348B"/>
    <w:rsid w:val="000834F3"/>
    <w:rsid w:val="00083A5C"/>
    <w:rsid w:val="0008439C"/>
    <w:rsid w:val="000844D1"/>
    <w:rsid w:val="000845EA"/>
    <w:rsid w:val="000846B7"/>
    <w:rsid w:val="0008573B"/>
    <w:rsid w:val="0008692B"/>
    <w:rsid w:val="00086D89"/>
    <w:rsid w:val="00087309"/>
    <w:rsid w:val="00087395"/>
    <w:rsid w:val="00087E6D"/>
    <w:rsid w:val="00087F83"/>
    <w:rsid w:val="0009011C"/>
    <w:rsid w:val="00091C41"/>
    <w:rsid w:val="00091EC3"/>
    <w:rsid w:val="00092A12"/>
    <w:rsid w:val="00093360"/>
    <w:rsid w:val="00094671"/>
    <w:rsid w:val="0009489A"/>
    <w:rsid w:val="00094BFC"/>
    <w:rsid w:val="00095092"/>
    <w:rsid w:val="00096421"/>
    <w:rsid w:val="00096D0C"/>
    <w:rsid w:val="000975C8"/>
    <w:rsid w:val="000A02DF"/>
    <w:rsid w:val="000A0713"/>
    <w:rsid w:val="000A081F"/>
    <w:rsid w:val="000A0E94"/>
    <w:rsid w:val="000A10B2"/>
    <w:rsid w:val="000A19F8"/>
    <w:rsid w:val="000A1AB8"/>
    <w:rsid w:val="000A22B5"/>
    <w:rsid w:val="000A2384"/>
    <w:rsid w:val="000A3CD2"/>
    <w:rsid w:val="000A4450"/>
    <w:rsid w:val="000A5021"/>
    <w:rsid w:val="000A678C"/>
    <w:rsid w:val="000A70B8"/>
    <w:rsid w:val="000B1C85"/>
    <w:rsid w:val="000B24A4"/>
    <w:rsid w:val="000B3174"/>
    <w:rsid w:val="000B3E17"/>
    <w:rsid w:val="000B483A"/>
    <w:rsid w:val="000B530C"/>
    <w:rsid w:val="000B57C8"/>
    <w:rsid w:val="000B5E06"/>
    <w:rsid w:val="000B667A"/>
    <w:rsid w:val="000B6A54"/>
    <w:rsid w:val="000C004C"/>
    <w:rsid w:val="000C0331"/>
    <w:rsid w:val="000C10DC"/>
    <w:rsid w:val="000C1D40"/>
    <w:rsid w:val="000C34BA"/>
    <w:rsid w:val="000C3907"/>
    <w:rsid w:val="000C4AF5"/>
    <w:rsid w:val="000C5146"/>
    <w:rsid w:val="000C56D2"/>
    <w:rsid w:val="000C699C"/>
    <w:rsid w:val="000C701E"/>
    <w:rsid w:val="000C71E6"/>
    <w:rsid w:val="000C788A"/>
    <w:rsid w:val="000D081D"/>
    <w:rsid w:val="000D115C"/>
    <w:rsid w:val="000D1848"/>
    <w:rsid w:val="000D25E1"/>
    <w:rsid w:val="000D3963"/>
    <w:rsid w:val="000D4800"/>
    <w:rsid w:val="000D5646"/>
    <w:rsid w:val="000D58EB"/>
    <w:rsid w:val="000D6FD6"/>
    <w:rsid w:val="000E04C5"/>
    <w:rsid w:val="000E04E4"/>
    <w:rsid w:val="000E05A0"/>
    <w:rsid w:val="000E27A7"/>
    <w:rsid w:val="000E4280"/>
    <w:rsid w:val="000E5F13"/>
    <w:rsid w:val="000E6ADD"/>
    <w:rsid w:val="000E6B6F"/>
    <w:rsid w:val="000E6DF1"/>
    <w:rsid w:val="000E7846"/>
    <w:rsid w:val="000F047F"/>
    <w:rsid w:val="000F099F"/>
    <w:rsid w:val="000F0DF9"/>
    <w:rsid w:val="000F3191"/>
    <w:rsid w:val="000F4D35"/>
    <w:rsid w:val="000F4FFD"/>
    <w:rsid w:val="000F68C4"/>
    <w:rsid w:val="000F6F1F"/>
    <w:rsid w:val="000F79C4"/>
    <w:rsid w:val="000F7BA7"/>
    <w:rsid w:val="001004BB"/>
    <w:rsid w:val="00101318"/>
    <w:rsid w:val="00101BD5"/>
    <w:rsid w:val="00101C74"/>
    <w:rsid w:val="00102C12"/>
    <w:rsid w:val="00102C31"/>
    <w:rsid w:val="0010681E"/>
    <w:rsid w:val="00106960"/>
    <w:rsid w:val="00107130"/>
    <w:rsid w:val="00107260"/>
    <w:rsid w:val="001074E3"/>
    <w:rsid w:val="00107574"/>
    <w:rsid w:val="001075AB"/>
    <w:rsid w:val="00107832"/>
    <w:rsid w:val="001078E1"/>
    <w:rsid w:val="001120A5"/>
    <w:rsid w:val="00112FE8"/>
    <w:rsid w:val="0011460B"/>
    <w:rsid w:val="001152BB"/>
    <w:rsid w:val="0011586E"/>
    <w:rsid w:val="00115ABD"/>
    <w:rsid w:val="001167A4"/>
    <w:rsid w:val="001168BD"/>
    <w:rsid w:val="00116AD5"/>
    <w:rsid w:val="00117253"/>
    <w:rsid w:val="001173A1"/>
    <w:rsid w:val="001175FA"/>
    <w:rsid w:val="00120006"/>
    <w:rsid w:val="0012040A"/>
    <w:rsid w:val="001204BA"/>
    <w:rsid w:val="00121098"/>
    <w:rsid w:val="00122E56"/>
    <w:rsid w:val="00123A4F"/>
    <w:rsid w:val="00123D58"/>
    <w:rsid w:val="0012458A"/>
    <w:rsid w:val="001247DF"/>
    <w:rsid w:val="00125F4B"/>
    <w:rsid w:val="00125F7C"/>
    <w:rsid w:val="00126F7E"/>
    <w:rsid w:val="00127803"/>
    <w:rsid w:val="00130DFB"/>
    <w:rsid w:val="0013121A"/>
    <w:rsid w:val="00132297"/>
    <w:rsid w:val="0013244E"/>
    <w:rsid w:val="00132637"/>
    <w:rsid w:val="00133574"/>
    <w:rsid w:val="00134FFF"/>
    <w:rsid w:val="001373A4"/>
    <w:rsid w:val="001373E6"/>
    <w:rsid w:val="00137D20"/>
    <w:rsid w:val="00141E81"/>
    <w:rsid w:val="00143150"/>
    <w:rsid w:val="001438B6"/>
    <w:rsid w:val="00143AFE"/>
    <w:rsid w:val="001454A4"/>
    <w:rsid w:val="00145632"/>
    <w:rsid w:val="0014565D"/>
    <w:rsid w:val="00146D6D"/>
    <w:rsid w:val="00146E84"/>
    <w:rsid w:val="001474DB"/>
    <w:rsid w:val="0014796C"/>
    <w:rsid w:val="00147F3C"/>
    <w:rsid w:val="0015009F"/>
    <w:rsid w:val="0015048E"/>
    <w:rsid w:val="00150B89"/>
    <w:rsid w:val="00150F46"/>
    <w:rsid w:val="00152E12"/>
    <w:rsid w:val="00153422"/>
    <w:rsid w:val="00153E49"/>
    <w:rsid w:val="0015447C"/>
    <w:rsid w:val="00154D4F"/>
    <w:rsid w:val="00154F0D"/>
    <w:rsid w:val="001574CC"/>
    <w:rsid w:val="001610C2"/>
    <w:rsid w:val="001612A9"/>
    <w:rsid w:val="00161E8E"/>
    <w:rsid w:val="00162383"/>
    <w:rsid w:val="0016257C"/>
    <w:rsid w:val="001627B9"/>
    <w:rsid w:val="00162F24"/>
    <w:rsid w:val="001655E3"/>
    <w:rsid w:val="00165716"/>
    <w:rsid w:val="00166637"/>
    <w:rsid w:val="00166A20"/>
    <w:rsid w:val="00166AA1"/>
    <w:rsid w:val="00166E81"/>
    <w:rsid w:val="001677C1"/>
    <w:rsid w:val="00170A0D"/>
    <w:rsid w:val="00172316"/>
    <w:rsid w:val="001725DD"/>
    <w:rsid w:val="00172D50"/>
    <w:rsid w:val="00175C98"/>
    <w:rsid w:val="0017665D"/>
    <w:rsid w:val="00180124"/>
    <w:rsid w:val="00180221"/>
    <w:rsid w:val="0018029F"/>
    <w:rsid w:val="00181FC3"/>
    <w:rsid w:val="001830CD"/>
    <w:rsid w:val="0018310D"/>
    <w:rsid w:val="00183D75"/>
    <w:rsid w:val="00184417"/>
    <w:rsid w:val="00184DF5"/>
    <w:rsid w:val="00187E22"/>
    <w:rsid w:val="00187F3E"/>
    <w:rsid w:val="0019133D"/>
    <w:rsid w:val="001936AF"/>
    <w:rsid w:val="00193921"/>
    <w:rsid w:val="00194B03"/>
    <w:rsid w:val="00195225"/>
    <w:rsid w:val="001959E9"/>
    <w:rsid w:val="0019629D"/>
    <w:rsid w:val="001972B9"/>
    <w:rsid w:val="00197528"/>
    <w:rsid w:val="001A303C"/>
    <w:rsid w:val="001A3C9C"/>
    <w:rsid w:val="001A5663"/>
    <w:rsid w:val="001A697E"/>
    <w:rsid w:val="001A704D"/>
    <w:rsid w:val="001A7CF6"/>
    <w:rsid w:val="001B02F3"/>
    <w:rsid w:val="001B1181"/>
    <w:rsid w:val="001B18E9"/>
    <w:rsid w:val="001B25C3"/>
    <w:rsid w:val="001B3C1B"/>
    <w:rsid w:val="001B3D1A"/>
    <w:rsid w:val="001B4F3B"/>
    <w:rsid w:val="001B5145"/>
    <w:rsid w:val="001B71FF"/>
    <w:rsid w:val="001C0877"/>
    <w:rsid w:val="001C175F"/>
    <w:rsid w:val="001C1E37"/>
    <w:rsid w:val="001C374E"/>
    <w:rsid w:val="001C38CF"/>
    <w:rsid w:val="001C3FE1"/>
    <w:rsid w:val="001C670E"/>
    <w:rsid w:val="001C70BB"/>
    <w:rsid w:val="001C749E"/>
    <w:rsid w:val="001D0948"/>
    <w:rsid w:val="001D0B92"/>
    <w:rsid w:val="001D194D"/>
    <w:rsid w:val="001D1FE3"/>
    <w:rsid w:val="001D3130"/>
    <w:rsid w:val="001D3A48"/>
    <w:rsid w:val="001D5469"/>
    <w:rsid w:val="001D7478"/>
    <w:rsid w:val="001D7A1B"/>
    <w:rsid w:val="001E28DB"/>
    <w:rsid w:val="001E5C33"/>
    <w:rsid w:val="001E6204"/>
    <w:rsid w:val="001E63A9"/>
    <w:rsid w:val="001E6699"/>
    <w:rsid w:val="001E6A8E"/>
    <w:rsid w:val="001E6F6E"/>
    <w:rsid w:val="001F017B"/>
    <w:rsid w:val="001F136D"/>
    <w:rsid w:val="001F3220"/>
    <w:rsid w:val="001F3844"/>
    <w:rsid w:val="001F401F"/>
    <w:rsid w:val="001F426B"/>
    <w:rsid w:val="001F4DBC"/>
    <w:rsid w:val="001F59EE"/>
    <w:rsid w:val="001F611F"/>
    <w:rsid w:val="001F62F5"/>
    <w:rsid w:val="001F630A"/>
    <w:rsid w:val="001F67DA"/>
    <w:rsid w:val="001F6C25"/>
    <w:rsid w:val="002019CC"/>
    <w:rsid w:val="00202266"/>
    <w:rsid w:val="0020277D"/>
    <w:rsid w:val="0020301C"/>
    <w:rsid w:val="00203845"/>
    <w:rsid w:val="00203AC6"/>
    <w:rsid w:val="00203B41"/>
    <w:rsid w:val="00204528"/>
    <w:rsid w:val="00205109"/>
    <w:rsid w:val="0020585F"/>
    <w:rsid w:val="00205969"/>
    <w:rsid w:val="00205AAB"/>
    <w:rsid w:val="00206084"/>
    <w:rsid w:val="0020633B"/>
    <w:rsid w:val="002075D4"/>
    <w:rsid w:val="002113DD"/>
    <w:rsid w:val="00211532"/>
    <w:rsid w:val="0021195A"/>
    <w:rsid w:val="002127AC"/>
    <w:rsid w:val="00212824"/>
    <w:rsid w:val="00212A27"/>
    <w:rsid w:val="00213B3A"/>
    <w:rsid w:val="00213DBD"/>
    <w:rsid w:val="00214242"/>
    <w:rsid w:val="002145E7"/>
    <w:rsid w:val="00214BAD"/>
    <w:rsid w:val="002166DB"/>
    <w:rsid w:val="00220987"/>
    <w:rsid w:val="00220D36"/>
    <w:rsid w:val="002220F9"/>
    <w:rsid w:val="00222AA7"/>
    <w:rsid w:val="00223B7F"/>
    <w:rsid w:val="00225096"/>
    <w:rsid w:val="0022572B"/>
    <w:rsid w:val="00225E0B"/>
    <w:rsid w:val="002268BF"/>
    <w:rsid w:val="00230CC3"/>
    <w:rsid w:val="00232188"/>
    <w:rsid w:val="00232788"/>
    <w:rsid w:val="00233B83"/>
    <w:rsid w:val="00236B5C"/>
    <w:rsid w:val="00236BFD"/>
    <w:rsid w:val="00237532"/>
    <w:rsid w:val="002409D5"/>
    <w:rsid w:val="00241521"/>
    <w:rsid w:val="00244D66"/>
    <w:rsid w:val="00245045"/>
    <w:rsid w:val="00245A8A"/>
    <w:rsid w:val="002472A5"/>
    <w:rsid w:val="00247399"/>
    <w:rsid w:val="00247CBE"/>
    <w:rsid w:val="00247CF8"/>
    <w:rsid w:val="00250615"/>
    <w:rsid w:val="00251074"/>
    <w:rsid w:val="00253E84"/>
    <w:rsid w:val="0026129E"/>
    <w:rsid w:val="00264C67"/>
    <w:rsid w:val="00265D7B"/>
    <w:rsid w:val="00265FD9"/>
    <w:rsid w:val="00266679"/>
    <w:rsid w:val="00266731"/>
    <w:rsid w:val="00266A26"/>
    <w:rsid w:val="0026724C"/>
    <w:rsid w:val="0027007A"/>
    <w:rsid w:val="002704CC"/>
    <w:rsid w:val="00271A38"/>
    <w:rsid w:val="00271C67"/>
    <w:rsid w:val="002742D6"/>
    <w:rsid w:val="00276DA9"/>
    <w:rsid w:val="00281B52"/>
    <w:rsid w:val="0028301D"/>
    <w:rsid w:val="002852F0"/>
    <w:rsid w:val="0028751E"/>
    <w:rsid w:val="00287847"/>
    <w:rsid w:val="00287ED9"/>
    <w:rsid w:val="0029052F"/>
    <w:rsid w:val="00290CF2"/>
    <w:rsid w:val="00294B80"/>
    <w:rsid w:val="00296693"/>
    <w:rsid w:val="00297AC0"/>
    <w:rsid w:val="00297DCC"/>
    <w:rsid w:val="002A0434"/>
    <w:rsid w:val="002A0CD8"/>
    <w:rsid w:val="002A22E4"/>
    <w:rsid w:val="002A3088"/>
    <w:rsid w:val="002A3C7C"/>
    <w:rsid w:val="002A437D"/>
    <w:rsid w:val="002A5D2D"/>
    <w:rsid w:val="002A63DE"/>
    <w:rsid w:val="002A6F7F"/>
    <w:rsid w:val="002A73A2"/>
    <w:rsid w:val="002A742C"/>
    <w:rsid w:val="002A75F3"/>
    <w:rsid w:val="002B0316"/>
    <w:rsid w:val="002B110B"/>
    <w:rsid w:val="002B17DA"/>
    <w:rsid w:val="002B1AE0"/>
    <w:rsid w:val="002B2EB6"/>
    <w:rsid w:val="002B46FD"/>
    <w:rsid w:val="002B4E2C"/>
    <w:rsid w:val="002B6DA9"/>
    <w:rsid w:val="002B6E73"/>
    <w:rsid w:val="002C100F"/>
    <w:rsid w:val="002C1374"/>
    <w:rsid w:val="002C2924"/>
    <w:rsid w:val="002C2A34"/>
    <w:rsid w:val="002C61F6"/>
    <w:rsid w:val="002C6C19"/>
    <w:rsid w:val="002D048A"/>
    <w:rsid w:val="002D0FCD"/>
    <w:rsid w:val="002D2F1B"/>
    <w:rsid w:val="002D368F"/>
    <w:rsid w:val="002D5264"/>
    <w:rsid w:val="002D603E"/>
    <w:rsid w:val="002D77BA"/>
    <w:rsid w:val="002D7D8F"/>
    <w:rsid w:val="002E066E"/>
    <w:rsid w:val="002E0DCB"/>
    <w:rsid w:val="002E0F93"/>
    <w:rsid w:val="002E33E1"/>
    <w:rsid w:val="002E3C26"/>
    <w:rsid w:val="002E51A3"/>
    <w:rsid w:val="002E651D"/>
    <w:rsid w:val="002E7AD3"/>
    <w:rsid w:val="002F0BDB"/>
    <w:rsid w:val="002F0D54"/>
    <w:rsid w:val="002F10A0"/>
    <w:rsid w:val="002F2230"/>
    <w:rsid w:val="002F2358"/>
    <w:rsid w:val="002F2B02"/>
    <w:rsid w:val="002F2BC1"/>
    <w:rsid w:val="002F50AC"/>
    <w:rsid w:val="002F5F78"/>
    <w:rsid w:val="002F6778"/>
    <w:rsid w:val="002F6789"/>
    <w:rsid w:val="00300180"/>
    <w:rsid w:val="003004C6"/>
    <w:rsid w:val="00300960"/>
    <w:rsid w:val="00300B90"/>
    <w:rsid w:val="003015EA"/>
    <w:rsid w:val="00301B1B"/>
    <w:rsid w:val="00302855"/>
    <w:rsid w:val="003037C2"/>
    <w:rsid w:val="003039FE"/>
    <w:rsid w:val="00303C34"/>
    <w:rsid w:val="00304623"/>
    <w:rsid w:val="00304DB6"/>
    <w:rsid w:val="00305CB9"/>
    <w:rsid w:val="00307169"/>
    <w:rsid w:val="00310655"/>
    <w:rsid w:val="00310D24"/>
    <w:rsid w:val="00310F8C"/>
    <w:rsid w:val="00311D02"/>
    <w:rsid w:val="00311F86"/>
    <w:rsid w:val="00312EDF"/>
    <w:rsid w:val="00314275"/>
    <w:rsid w:val="00314E46"/>
    <w:rsid w:val="00316E7F"/>
    <w:rsid w:val="00317933"/>
    <w:rsid w:val="00317ECD"/>
    <w:rsid w:val="00320001"/>
    <w:rsid w:val="0032007F"/>
    <w:rsid w:val="00320824"/>
    <w:rsid w:val="0032134B"/>
    <w:rsid w:val="00322214"/>
    <w:rsid w:val="003246FA"/>
    <w:rsid w:val="00324B09"/>
    <w:rsid w:val="0032538B"/>
    <w:rsid w:val="003268F7"/>
    <w:rsid w:val="003274CD"/>
    <w:rsid w:val="00330573"/>
    <w:rsid w:val="00330634"/>
    <w:rsid w:val="00331483"/>
    <w:rsid w:val="003318C0"/>
    <w:rsid w:val="00332D4A"/>
    <w:rsid w:val="00333D5C"/>
    <w:rsid w:val="00335BC7"/>
    <w:rsid w:val="00340CF5"/>
    <w:rsid w:val="00341B72"/>
    <w:rsid w:val="00341E5F"/>
    <w:rsid w:val="00342E65"/>
    <w:rsid w:val="003438BF"/>
    <w:rsid w:val="003443CE"/>
    <w:rsid w:val="00345787"/>
    <w:rsid w:val="003467DF"/>
    <w:rsid w:val="00347BF8"/>
    <w:rsid w:val="003513FB"/>
    <w:rsid w:val="00353058"/>
    <w:rsid w:val="00353352"/>
    <w:rsid w:val="003569C4"/>
    <w:rsid w:val="00356F54"/>
    <w:rsid w:val="00356FB8"/>
    <w:rsid w:val="00357C66"/>
    <w:rsid w:val="00360163"/>
    <w:rsid w:val="00360EA1"/>
    <w:rsid w:val="00360EAE"/>
    <w:rsid w:val="00360F0A"/>
    <w:rsid w:val="0036108A"/>
    <w:rsid w:val="00361180"/>
    <w:rsid w:val="003613BA"/>
    <w:rsid w:val="00361552"/>
    <w:rsid w:val="00363004"/>
    <w:rsid w:val="00366ECF"/>
    <w:rsid w:val="0037162B"/>
    <w:rsid w:val="0037212D"/>
    <w:rsid w:val="00372BD3"/>
    <w:rsid w:val="00373EE7"/>
    <w:rsid w:val="003749E5"/>
    <w:rsid w:val="00374B33"/>
    <w:rsid w:val="003751A3"/>
    <w:rsid w:val="00375484"/>
    <w:rsid w:val="00376DF3"/>
    <w:rsid w:val="0038015C"/>
    <w:rsid w:val="00380536"/>
    <w:rsid w:val="00380763"/>
    <w:rsid w:val="003808F9"/>
    <w:rsid w:val="00380BAB"/>
    <w:rsid w:val="00380C3A"/>
    <w:rsid w:val="003817F3"/>
    <w:rsid w:val="0038192E"/>
    <w:rsid w:val="00382950"/>
    <w:rsid w:val="0038335E"/>
    <w:rsid w:val="003835B8"/>
    <w:rsid w:val="00383BD9"/>
    <w:rsid w:val="00384358"/>
    <w:rsid w:val="00384E51"/>
    <w:rsid w:val="003858AE"/>
    <w:rsid w:val="00386C21"/>
    <w:rsid w:val="00386D98"/>
    <w:rsid w:val="00387113"/>
    <w:rsid w:val="00387FED"/>
    <w:rsid w:val="00390BB5"/>
    <w:rsid w:val="00390D32"/>
    <w:rsid w:val="00392959"/>
    <w:rsid w:val="003959B6"/>
    <w:rsid w:val="003959F3"/>
    <w:rsid w:val="003966DB"/>
    <w:rsid w:val="00396B66"/>
    <w:rsid w:val="00397BDF"/>
    <w:rsid w:val="003A035A"/>
    <w:rsid w:val="003A06A1"/>
    <w:rsid w:val="003A1A8F"/>
    <w:rsid w:val="003A242A"/>
    <w:rsid w:val="003A274C"/>
    <w:rsid w:val="003A40B6"/>
    <w:rsid w:val="003A431E"/>
    <w:rsid w:val="003A4E1D"/>
    <w:rsid w:val="003A54A1"/>
    <w:rsid w:val="003A5EAF"/>
    <w:rsid w:val="003A732A"/>
    <w:rsid w:val="003A73BB"/>
    <w:rsid w:val="003A7FE7"/>
    <w:rsid w:val="003B051C"/>
    <w:rsid w:val="003B138D"/>
    <w:rsid w:val="003B1669"/>
    <w:rsid w:val="003B1B77"/>
    <w:rsid w:val="003B1E5B"/>
    <w:rsid w:val="003B255F"/>
    <w:rsid w:val="003B3423"/>
    <w:rsid w:val="003B49D6"/>
    <w:rsid w:val="003B53F1"/>
    <w:rsid w:val="003B6BDE"/>
    <w:rsid w:val="003B6D4A"/>
    <w:rsid w:val="003B6EFD"/>
    <w:rsid w:val="003B7E0D"/>
    <w:rsid w:val="003C0E56"/>
    <w:rsid w:val="003C0EB3"/>
    <w:rsid w:val="003C2DBD"/>
    <w:rsid w:val="003C2F85"/>
    <w:rsid w:val="003C2FB3"/>
    <w:rsid w:val="003C3479"/>
    <w:rsid w:val="003C5BEB"/>
    <w:rsid w:val="003C61A3"/>
    <w:rsid w:val="003C7A96"/>
    <w:rsid w:val="003C7C8B"/>
    <w:rsid w:val="003D050D"/>
    <w:rsid w:val="003D0C2C"/>
    <w:rsid w:val="003D23E8"/>
    <w:rsid w:val="003D3512"/>
    <w:rsid w:val="003D3C4D"/>
    <w:rsid w:val="003D414F"/>
    <w:rsid w:val="003D45CE"/>
    <w:rsid w:val="003D47C2"/>
    <w:rsid w:val="003D4FB7"/>
    <w:rsid w:val="003D56F8"/>
    <w:rsid w:val="003D62BF"/>
    <w:rsid w:val="003D734B"/>
    <w:rsid w:val="003D7806"/>
    <w:rsid w:val="003D7F1F"/>
    <w:rsid w:val="003E30D7"/>
    <w:rsid w:val="003E3357"/>
    <w:rsid w:val="003E4FF6"/>
    <w:rsid w:val="003E7AB1"/>
    <w:rsid w:val="003F038A"/>
    <w:rsid w:val="003F1345"/>
    <w:rsid w:val="003F1601"/>
    <w:rsid w:val="003F165E"/>
    <w:rsid w:val="003F1E0F"/>
    <w:rsid w:val="003F2EA0"/>
    <w:rsid w:val="003F2FFB"/>
    <w:rsid w:val="003F33DB"/>
    <w:rsid w:val="003F34DF"/>
    <w:rsid w:val="003F3A62"/>
    <w:rsid w:val="003F3D70"/>
    <w:rsid w:val="003F509E"/>
    <w:rsid w:val="003F5DB4"/>
    <w:rsid w:val="003F608E"/>
    <w:rsid w:val="003F6099"/>
    <w:rsid w:val="003F6618"/>
    <w:rsid w:val="003F7374"/>
    <w:rsid w:val="003F7F18"/>
    <w:rsid w:val="004002DC"/>
    <w:rsid w:val="00400C84"/>
    <w:rsid w:val="0040102F"/>
    <w:rsid w:val="00402D5F"/>
    <w:rsid w:val="00403201"/>
    <w:rsid w:val="00403692"/>
    <w:rsid w:val="00404053"/>
    <w:rsid w:val="00406E5C"/>
    <w:rsid w:val="00406EE6"/>
    <w:rsid w:val="00410EAC"/>
    <w:rsid w:val="004132A8"/>
    <w:rsid w:val="004143A2"/>
    <w:rsid w:val="004147A1"/>
    <w:rsid w:val="004149CF"/>
    <w:rsid w:val="00416511"/>
    <w:rsid w:val="004169CE"/>
    <w:rsid w:val="00420CF4"/>
    <w:rsid w:val="004213DF"/>
    <w:rsid w:val="004222F0"/>
    <w:rsid w:val="004234F6"/>
    <w:rsid w:val="004240C8"/>
    <w:rsid w:val="00426306"/>
    <w:rsid w:val="004274B0"/>
    <w:rsid w:val="00430B17"/>
    <w:rsid w:val="00430B2F"/>
    <w:rsid w:val="00430BC7"/>
    <w:rsid w:val="0043509B"/>
    <w:rsid w:val="00435737"/>
    <w:rsid w:val="004358FF"/>
    <w:rsid w:val="0043611C"/>
    <w:rsid w:val="004368E3"/>
    <w:rsid w:val="00437092"/>
    <w:rsid w:val="00437728"/>
    <w:rsid w:val="00440751"/>
    <w:rsid w:val="0044080C"/>
    <w:rsid w:val="004415B8"/>
    <w:rsid w:val="004423E1"/>
    <w:rsid w:val="004432C7"/>
    <w:rsid w:val="004456D7"/>
    <w:rsid w:val="00445CE0"/>
    <w:rsid w:val="00445D9C"/>
    <w:rsid w:val="004469C3"/>
    <w:rsid w:val="00447DE9"/>
    <w:rsid w:val="00450107"/>
    <w:rsid w:val="00450D6A"/>
    <w:rsid w:val="00451A88"/>
    <w:rsid w:val="00451BC4"/>
    <w:rsid w:val="00452297"/>
    <w:rsid w:val="00453A2A"/>
    <w:rsid w:val="00453CB7"/>
    <w:rsid w:val="00454127"/>
    <w:rsid w:val="00455727"/>
    <w:rsid w:val="0045721D"/>
    <w:rsid w:val="00457CCB"/>
    <w:rsid w:val="00460234"/>
    <w:rsid w:val="00460B8A"/>
    <w:rsid w:val="00463025"/>
    <w:rsid w:val="00464BAB"/>
    <w:rsid w:val="00466035"/>
    <w:rsid w:val="0046725B"/>
    <w:rsid w:val="00470FC9"/>
    <w:rsid w:val="004713AE"/>
    <w:rsid w:val="004716F6"/>
    <w:rsid w:val="00471EB4"/>
    <w:rsid w:val="0047254D"/>
    <w:rsid w:val="0047377E"/>
    <w:rsid w:val="004757EC"/>
    <w:rsid w:val="0047699E"/>
    <w:rsid w:val="0048084A"/>
    <w:rsid w:val="00480B7D"/>
    <w:rsid w:val="0048161E"/>
    <w:rsid w:val="00481BCF"/>
    <w:rsid w:val="004821BF"/>
    <w:rsid w:val="00482246"/>
    <w:rsid w:val="004831F7"/>
    <w:rsid w:val="004836AD"/>
    <w:rsid w:val="00483D32"/>
    <w:rsid w:val="00483D98"/>
    <w:rsid w:val="004855A6"/>
    <w:rsid w:val="00485B82"/>
    <w:rsid w:val="004865AE"/>
    <w:rsid w:val="0048718E"/>
    <w:rsid w:val="00487755"/>
    <w:rsid w:val="00490183"/>
    <w:rsid w:val="0049075D"/>
    <w:rsid w:val="004908DC"/>
    <w:rsid w:val="00490CB4"/>
    <w:rsid w:val="004913F2"/>
    <w:rsid w:val="00491DAB"/>
    <w:rsid w:val="00493405"/>
    <w:rsid w:val="00493735"/>
    <w:rsid w:val="00493AEA"/>
    <w:rsid w:val="00493C20"/>
    <w:rsid w:val="0049405F"/>
    <w:rsid w:val="0049521D"/>
    <w:rsid w:val="00495227"/>
    <w:rsid w:val="00496D66"/>
    <w:rsid w:val="00497BD6"/>
    <w:rsid w:val="004A2204"/>
    <w:rsid w:val="004A25B0"/>
    <w:rsid w:val="004A2E07"/>
    <w:rsid w:val="004A4432"/>
    <w:rsid w:val="004A5383"/>
    <w:rsid w:val="004A5B31"/>
    <w:rsid w:val="004A5E51"/>
    <w:rsid w:val="004A6216"/>
    <w:rsid w:val="004A67FC"/>
    <w:rsid w:val="004A6950"/>
    <w:rsid w:val="004A6A41"/>
    <w:rsid w:val="004A6C90"/>
    <w:rsid w:val="004A78B0"/>
    <w:rsid w:val="004B1DC5"/>
    <w:rsid w:val="004B2D86"/>
    <w:rsid w:val="004B32A5"/>
    <w:rsid w:val="004B3345"/>
    <w:rsid w:val="004B414F"/>
    <w:rsid w:val="004B4BAB"/>
    <w:rsid w:val="004B61AE"/>
    <w:rsid w:val="004B6696"/>
    <w:rsid w:val="004B6799"/>
    <w:rsid w:val="004B6DC2"/>
    <w:rsid w:val="004B7902"/>
    <w:rsid w:val="004C07EE"/>
    <w:rsid w:val="004C1B66"/>
    <w:rsid w:val="004C4CD4"/>
    <w:rsid w:val="004C51A2"/>
    <w:rsid w:val="004C5ECC"/>
    <w:rsid w:val="004C67E4"/>
    <w:rsid w:val="004D0693"/>
    <w:rsid w:val="004D0FE9"/>
    <w:rsid w:val="004D3F0B"/>
    <w:rsid w:val="004D5744"/>
    <w:rsid w:val="004D57AD"/>
    <w:rsid w:val="004D5DCD"/>
    <w:rsid w:val="004D76A6"/>
    <w:rsid w:val="004D7956"/>
    <w:rsid w:val="004E00C4"/>
    <w:rsid w:val="004E10F6"/>
    <w:rsid w:val="004E1C47"/>
    <w:rsid w:val="004E27B2"/>
    <w:rsid w:val="004E2A31"/>
    <w:rsid w:val="004E3449"/>
    <w:rsid w:val="004E7FE0"/>
    <w:rsid w:val="004F073D"/>
    <w:rsid w:val="004F1928"/>
    <w:rsid w:val="004F1DAE"/>
    <w:rsid w:val="004F1F24"/>
    <w:rsid w:val="004F33CA"/>
    <w:rsid w:val="004F4571"/>
    <w:rsid w:val="004F6F6E"/>
    <w:rsid w:val="004F76BE"/>
    <w:rsid w:val="004F7AE1"/>
    <w:rsid w:val="00500001"/>
    <w:rsid w:val="0050108B"/>
    <w:rsid w:val="00501BD2"/>
    <w:rsid w:val="0050234F"/>
    <w:rsid w:val="005026C5"/>
    <w:rsid w:val="0050309D"/>
    <w:rsid w:val="00503449"/>
    <w:rsid w:val="00504836"/>
    <w:rsid w:val="00507F13"/>
    <w:rsid w:val="005124CB"/>
    <w:rsid w:val="00513334"/>
    <w:rsid w:val="00513631"/>
    <w:rsid w:val="00513869"/>
    <w:rsid w:val="0051413B"/>
    <w:rsid w:val="00516E95"/>
    <w:rsid w:val="00520A45"/>
    <w:rsid w:val="00520A7A"/>
    <w:rsid w:val="00521BEC"/>
    <w:rsid w:val="00521C61"/>
    <w:rsid w:val="00521DD0"/>
    <w:rsid w:val="00523DFF"/>
    <w:rsid w:val="00523F76"/>
    <w:rsid w:val="00524029"/>
    <w:rsid w:val="005249BE"/>
    <w:rsid w:val="00524DEF"/>
    <w:rsid w:val="0052514A"/>
    <w:rsid w:val="00525AA9"/>
    <w:rsid w:val="00526FAD"/>
    <w:rsid w:val="00530B4A"/>
    <w:rsid w:val="00530BE0"/>
    <w:rsid w:val="005311BB"/>
    <w:rsid w:val="00531491"/>
    <w:rsid w:val="005315B4"/>
    <w:rsid w:val="00531891"/>
    <w:rsid w:val="00531A05"/>
    <w:rsid w:val="00531DB5"/>
    <w:rsid w:val="0053277A"/>
    <w:rsid w:val="00532A7D"/>
    <w:rsid w:val="00533E68"/>
    <w:rsid w:val="0053524B"/>
    <w:rsid w:val="00536D13"/>
    <w:rsid w:val="00537073"/>
    <w:rsid w:val="005375E6"/>
    <w:rsid w:val="00537E92"/>
    <w:rsid w:val="00540B2B"/>
    <w:rsid w:val="00541026"/>
    <w:rsid w:val="0054153A"/>
    <w:rsid w:val="00543640"/>
    <w:rsid w:val="0054375B"/>
    <w:rsid w:val="005450D4"/>
    <w:rsid w:val="0054528E"/>
    <w:rsid w:val="00547E80"/>
    <w:rsid w:val="00551BAD"/>
    <w:rsid w:val="00551CFE"/>
    <w:rsid w:val="0055233C"/>
    <w:rsid w:val="005534BA"/>
    <w:rsid w:val="005538DE"/>
    <w:rsid w:val="00556058"/>
    <w:rsid w:val="005560FF"/>
    <w:rsid w:val="00556149"/>
    <w:rsid w:val="005569B4"/>
    <w:rsid w:val="0055780C"/>
    <w:rsid w:val="00562CEE"/>
    <w:rsid w:val="005633C0"/>
    <w:rsid w:val="00566E18"/>
    <w:rsid w:val="00570500"/>
    <w:rsid w:val="00571016"/>
    <w:rsid w:val="00571FB9"/>
    <w:rsid w:val="0057280C"/>
    <w:rsid w:val="005735D6"/>
    <w:rsid w:val="005735D8"/>
    <w:rsid w:val="005735E9"/>
    <w:rsid w:val="0057427B"/>
    <w:rsid w:val="00575E8D"/>
    <w:rsid w:val="005769CC"/>
    <w:rsid w:val="00576CA2"/>
    <w:rsid w:val="0058267C"/>
    <w:rsid w:val="00583156"/>
    <w:rsid w:val="00585084"/>
    <w:rsid w:val="00585FEA"/>
    <w:rsid w:val="00586396"/>
    <w:rsid w:val="00590DC5"/>
    <w:rsid w:val="00591F16"/>
    <w:rsid w:val="00591FC9"/>
    <w:rsid w:val="00592E3A"/>
    <w:rsid w:val="00593A21"/>
    <w:rsid w:val="00593F1B"/>
    <w:rsid w:val="005941F2"/>
    <w:rsid w:val="0059645A"/>
    <w:rsid w:val="00596866"/>
    <w:rsid w:val="005A063A"/>
    <w:rsid w:val="005A1963"/>
    <w:rsid w:val="005A1F00"/>
    <w:rsid w:val="005A216B"/>
    <w:rsid w:val="005A29AF"/>
    <w:rsid w:val="005A39D9"/>
    <w:rsid w:val="005A4686"/>
    <w:rsid w:val="005A6E5B"/>
    <w:rsid w:val="005A6EB8"/>
    <w:rsid w:val="005A72BB"/>
    <w:rsid w:val="005B00EA"/>
    <w:rsid w:val="005B08C7"/>
    <w:rsid w:val="005B12E1"/>
    <w:rsid w:val="005B1C5E"/>
    <w:rsid w:val="005B1EF2"/>
    <w:rsid w:val="005B233E"/>
    <w:rsid w:val="005B2F9B"/>
    <w:rsid w:val="005B2FEB"/>
    <w:rsid w:val="005B6B02"/>
    <w:rsid w:val="005B7BDD"/>
    <w:rsid w:val="005C055D"/>
    <w:rsid w:val="005C0B24"/>
    <w:rsid w:val="005C0C50"/>
    <w:rsid w:val="005C0DBB"/>
    <w:rsid w:val="005C1A4B"/>
    <w:rsid w:val="005C72E4"/>
    <w:rsid w:val="005D0227"/>
    <w:rsid w:val="005D05FD"/>
    <w:rsid w:val="005D07A2"/>
    <w:rsid w:val="005D15FF"/>
    <w:rsid w:val="005D384C"/>
    <w:rsid w:val="005D3ACD"/>
    <w:rsid w:val="005D3C1D"/>
    <w:rsid w:val="005D4780"/>
    <w:rsid w:val="005D6982"/>
    <w:rsid w:val="005E1FBB"/>
    <w:rsid w:val="005E3D93"/>
    <w:rsid w:val="005E484F"/>
    <w:rsid w:val="005E4E17"/>
    <w:rsid w:val="005E5BD6"/>
    <w:rsid w:val="005E5F2D"/>
    <w:rsid w:val="005E7886"/>
    <w:rsid w:val="005F0068"/>
    <w:rsid w:val="005F0AC3"/>
    <w:rsid w:val="005F0E8C"/>
    <w:rsid w:val="005F13A7"/>
    <w:rsid w:val="005F3BFD"/>
    <w:rsid w:val="005F4077"/>
    <w:rsid w:val="005F4498"/>
    <w:rsid w:val="005F5C47"/>
    <w:rsid w:val="005F65A3"/>
    <w:rsid w:val="005F6951"/>
    <w:rsid w:val="005F6DEE"/>
    <w:rsid w:val="005F7214"/>
    <w:rsid w:val="005F7A20"/>
    <w:rsid w:val="00601CE4"/>
    <w:rsid w:val="006021BB"/>
    <w:rsid w:val="00602CCA"/>
    <w:rsid w:val="0060320B"/>
    <w:rsid w:val="006036B4"/>
    <w:rsid w:val="006063EC"/>
    <w:rsid w:val="00611237"/>
    <w:rsid w:val="006116AD"/>
    <w:rsid w:val="006116D9"/>
    <w:rsid w:val="0061239B"/>
    <w:rsid w:val="00612511"/>
    <w:rsid w:val="00612941"/>
    <w:rsid w:val="0061387A"/>
    <w:rsid w:val="00613A26"/>
    <w:rsid w:val="00613C8B"/>
    <w:rsid w:val="006147B3"/>
    <w:rsid w:val="00614F0A"/>
    <w:rsid w:val="00615369"/>
    <w:rsid w:val="006156E7"/>
    <w:rsid w:val="00615CB6"/>
    <w:rsid w:val="00616407"/>
    <w:rsid w:val="0061737F"/>
    <w:rsid w:val="0062196C"/>
    <w:rsid w:val="00621AE1"/>
    <w:rsid w:val="006227B7"/>
    <w:rsid w:val="00622BB9"/>
    <w:rsid w:val="0062356E"/>
    <w:rsid w:val="00623F35"/>
    <w:rsid w:val="00624009"/>
    <w:rsid w:val="00625324"/>
    <w:rsid w:val="006259CA"/>
    <w:rsid w:val="00626E94"/>
    <w:rsid w:val="006272A6"/>
    <w:rsid w:val="0062757D"/>
    <w:rsid w:val="006306C0"/>
    <w:rsid w:val="00631AE1"/>
    <w:rsid w:val="00632067"/>
    <w:rsid w:val="00632290"/>
    <w:rsid w:val="00632783"/>
    <w:rsid w:val="00633C16"/>
    <w:rsid w:val="0063493D"/>
    <w:rsid w:val="006349A1"/>
    <w:rsid w:val="0063527A"/>
    <w:rsid w:val="00636570"/>
    <w:rsid w:val="00637B1F"/>
    <w:rsid w:val="00640029"/>
    <w:rsid w:val="006401D6"/>
    <w:rsid w:val="00640623"/>
    <w:rsid w:val="00641757"/>
    <w:rsid w:val="00641967"/>
    <w:rsid w:val="00644630"/>
    <w:rsid w:val="00644B1E"/>
    <w:rsid w:val="00644FB2"/>
    <w:rsid w:val="006464F2"/>
    <w:rsid w:val="00646E5A"/>
    <w:rsid w:val="006502F5"/>
    <w:rsid w:val="00650583"/>
    <w:rsid w:val="00650B4B"/>
    <w:rsid w:val="00650DDD"/>
    <w:rsid w:val="006515B3"/>
    <w:rsid w:val="00652BBB"/>
    <w:rsid w:val="00654140"/>
    <w:rsid w:val="0065632E"/>
    <w:rsid w:val="00656534"/>
    <w:rsid w:val="00656869"/>
    <w:rsid w:val="006568C3"/>
    <w:rsid w:val="00657DF7"/>
    <w:rsid w:val="00662AA5"/>
    <w:rsid w:val="00662C86"/>
    <w:rsid w:val="0066305A"/>
    <w:rsid w:val="0066354A"/>
    <w:rsid w:val="00663874"/>
    <w:rsid w:val="0066490F"/>
    <w:rsid w:val="006650C0"/>
    <w:rsid w:val="006653C8"/>
    <w:rsid w:val="00665CFF"/>
    <w:rsid w:val="00666F9F"/>
    <w:rsid w:val="00670345"/>
    <w:rsid w:val="006723AA"/>
    <w:rsid w:val="006729FD"/>
    <w:rsid w:val="00673211"/>
    <w:rsid w:val="00673AEE"/>
    <w:rsid w:val="00674F15"/>
    <w:rsid w:val="0067561A"/>
    <w:rsid w:val="00676BE6"/>
    <w:rsid w:val="00677F83"/>
    <w:rsid w:val="00680231"/>
    <w:rsid w:val="00680435"/>
    <w:rsid w:val="006824B1"/>
    <w:rsid w:val="00682FD2"/>
    <w:rsid w:val="006840DC"/>
    <w:rsid w:val="00684722"/>
    <w:rsid w:val="00685D8A"/>
    <w:rsid w:val="00685EE1"/>
    <w:rsid w:val="00686028"/>
    <w:rsid w:val="00691E98"/>
    <w:rsid w:val="00691ECD"/>
    <w:rsid w:val="00692A8A"/>
    <w:rsid w:val="006939D4"/>
    <w:rsid w:val="006939EC"/>
    <w:rsid w:val="00694C22"/>
    <w:rsid w:val="00695405"/>
    <w:rsid w:val="006A18F6"/>
    <w:rsid w:val="006A19F2"/>
    <w:rsid w:val="006A227C"/>
    <w:rsid w:val="006A2394"/>
    <w:rsid w:val="006A2587"/>
    <w:rsid w:val="006A2E5F"/>
    <w:rsid w:val="006A3BB3"/>
    <w:rsid w:val="006A3CB5"/>
    <w:rsid w:val="006A57D4"/>
    <w:rsid w:val="006A620B"/>
    <w:rsid w:val="006A6493"/>
    <w:rsid w:val="006A6D6B"/>
    <w:rsid w:val="006A727A"/>
    <w:rsid w:val="006A7920"/>
    <w:rsid w:val="006B01F2"/>
    <w:rsid w:val="006B1D51"/>
    <w:rsid w:val="006B1D7F"/>
    <w:rsid w:val="006B2299"/>
    <w:rsid w:val="006B30C6"/>
    <w:rsid w:val="006B30FE"/>
    <w:rsid w:val="006B349E"/>
    <w:rsid w:val="006B3674"/>
    <w:rsid w:val="006B36B2"/>
    <w:rsid w:val="006B3799"/>
    <w:rsid w:val="006B38B0"/>
    <w:rsid w:val="006B405F"/>
    <w:rsid w:val="006B4C7F"/>
    <w:rsid w:val="006B5FB8"/>
    <w:rsid w:val="006B6175"/>
    <w:rsid w:val="006B617A"/>
    <w:rsid w:val="006B6624"/>
    <w:rsid w:val="006B6790"/>
    <w:rsid w:val="006B72CC"/>
    <w:rsid w:val="006C0F6D"/>
    <w:rsid w:val="006C0F9B"/>
    <w:rsid w:val="006C170C"/>
    <w:rsid w:val="006C1CFC"/>
    <w:rsid w:val="006C2054"/>
    <w:rsid w:val="006C2110"/>
    <w:rsid w:val="006C397D"/>
    <w:rsid w:val="006C4B61"/>
    <w:rsid w:val="006C5CBA"/>
    <w:rsid w:val="006C5DE9"/>
    <w:rsid w:val="006C5F6E"/>
    <w:rsid w:val="006C6128"/>
    <w:rsid w:val="006C6878"/>
    <w:rsid w:val="006C6C8E"/>
    <w:rsid w:val="006D0907"/>
    <w:rsid w:val="006D1132"/>
    <w:rsid w:val="006D1927"/>
    <w:rsid w:val="006D2633"/>
    <w:rsid w:val="006D3114"/>
    <w:rsid w:val="006D4596"/>
    <w:rsid w:val="006D4911"/>
    <w:rsid w:val="006D5082"/>
    <w:rsid w:val="006D529A"/>
    <w:rsid w:val="006D564D"/>
    <w:rsid w:val="006D6955"/>
    <w:rsid w:val="006D6F31"/>
    <w:rsid w:val="006E0198"/>
    <w:rsid w:val="006E088B"/>
    <w:rsid w:val="006E1334"/>
    <w:rsid w:val="006E15B2"/>
    <w:rsid w:val="006E2A8C"/>
    <w:rsid w:val="006E54B0"/>
    <w:rsid w:val="006E669C"/>
    <w:rsid w:val="006E7756"/>
    <w:rsid w:val="006E7F06"/>
    <w:rsid w:val="006F1D39"/>
    <w:rsid w:val="006F2A25"/>
    <w:rsid w:val="006F309B"/>
    <w:rsid w:val="006F33E1"/>
    <w:rsid w:val="006F40B5"/>
    <w:rsid w:val="006F55A0"/>
    <w:rsid w:val="006F57DF"/>
    <w:rsid w:val="006F61FC"/>
    <w:rsid w:val="006F6847"/>
    <w:rsid w:val="006F69EE"/>
    <w:rsid w:val="006F75F6"/>
    <w:rsid w:val="00701EF4"/>
    <w:rsid w:val="00704675"/>
    <w:rsid w:val="00705E83"/>
    <w:rsid w:val="00706077"/>
    <w:rsid w:val="00706BE0"/>
    <w:rsid w:val="007071FE"/>
    <w:rsid w:val="007101FF"/>
    <w:rsid w:val="00712A8F"/>
    <w:rsid w:val="00712D15"/>
    <w:rsid w:val="00714CC6"/>
    <w:rsid w:val="00715962"/>
    <w:rsid w:val="00716490"/>
    <w:rsid w:val="00717E44"/>
    <w:rsid w:val="00721241"/>
    <w:rsid w:val="007215E2"/>
    <w:rsid w:val="0072163A"/>
    <w:rsid w:val="0072166D"/>
    <w:rsid w:val="00724222"/>
    <w:rsid w:val="00724324"/>
    <w:rsid w:val="007244B3"/>
    <w:rsid w:val="00724A01"/>
    <w:rsid w:val="00725721"/>
    <w:rsid w:val="00725829"/>
    <w:rsid w:val="00725A24"/>
    <w:rsid w:val="00725D7A"/>
    <w:rsid w:val="00730B42"/>
    <w:rsid w:val="00733F4D"/>
    <w:rsid w:val="00734483"/>
    <w:rsid w:val="00735150"/>
    <w:rsid w:val="00736064"/>
    <w:rsid w:val="007366C8"/>
    <w:rsid w:val="00736E23"/>
    <w:rsid w:val="007372B6"/>
    <w:rsid w:val="00737842"/>
    <w:rsid w:val="00742907"/>
    <w:rsid w:val="007438A3"/>
    <w:rsid w:val="0074548A"/>
    <w:rsid w:val="007454EB"/>
    <w:rsid w:val="00745FC1"/>
    <w:rsid w:val="00746158"/>
    <w:rsid w:val="00747463"/>
    <w:rsid w:val="00751E9E"/>
    <w:rsid w:val="00752D9F"/>
    <w:rsid w:val="00755891"/>
    <w:rsid w:val="0075627C"/>
    <w:rsid w:val="00756C85"/>
    <w:rsid w:val="007574AA"/>
    <w:rsid w:val="0076144B"/>
    <w:rsid w:val="0076162B"/>
    <w:rsid w:val="007623F6"/>
    <w:rsid w:val="00762B0F"/>
    <w:rsid w:val="0076314E"/>
    <w:rsid w:val="00763483"/>
    <w:rsid w:val="00763DD7"/>
    <w:rsid w:val="0076491D"/>
    <w:rsid w:val="00765235"/>
    <w:rsid w:val="00765811"/>
    <w:rsid w:val="00765ED1"/>
    <w:rsid w:val="00766FE4"/>
    <w:rsid w:val="007716DF"/>
    <w:rsid w:val="00772C6B"/>
    <w:rsid w:val="0077537F"/>
    <w:rsid w:val="007761DD"/>
    <w:rsid w:val="007764F5"/>
    <w:rsid w:val="007767D6"/>
    <w:rsid w:val="0077760F"/>
    <w:rsid w:val="00777819"/>
    <w:rsid w:val="007779BD"/>
    <w:rsid w:val="007828E2"/>
    <w:rsid w:val="00782A08"/>
    <w:rsid w:val="00783678"/>
    <w:rsid w:val="00783A94"/>
    <w:rsid w:val="00783D37"/>
    <w:rsid w:val="0078426C"/>
    <w:rsid w:val="00784383"/>
    <w:rsid w:val="007844E7"/>
    <w:rsid w:val="00784BF0"/>
    <w:rsid w:val="007851A5"/>
    <w:rsid w:val="00785401"/>
    <w:rsid w:val="00785B5B"/>
    <w:rsid w:val="00787824"/>
    <w:rsid w:val="00790DCC"/>
    <w:rsid w:val="00791A12"/>
    <w:rsid w:val="007922AA"/>
    <w:rsid w:val="007924FE"/>
    <w:rsid w:val="00792B55"/>
    <w:rsid w:val="00792C64"/>
    <w:rsid w:val="00792E21"/>
    <w:rsid w:val="00793EDB"/>
    <w:rsid w:val="007954F8"/>
    <w:rsid w:val="00795720"/>
    <w:rsid w:val="00796388"/>
    <w:rsid w:val="00797400"/>
    <w:rsid w:val="0079775A"/>
    <w:rsid w:val="00797F3F"/>
    <w:rsid w:val="007A0FCE"/>
    <w:rsid w:val="007A120A"/>
    <w:rsid w:val="007A13A2"/>
    <w:rsid w:val="007A13A8"/>
    <w:rsid w:val="007A15C8"/>
    <w:rsid w:val="007A1C20"/>
    <w:rsid w:val="007A1FC3"/>
    <w:rsid w:val="007A318D"/>
    <w:rsid w:val="007A398F"/>
    <w:rsid w:val="007A4347"/>
    <w:rsid w:val="007A572F"/>
    <w:rsid w:val="007A5CD9"/>
    <w:rsid w:val="007A5F86"/>
    <w:rsid w:val="007A62FB"/>
    <w:rsid w:val="007A7CBF"/>
    <w:rsid w:val="007B103B"/>
    <w:rsid w:val="007B2DAA"/>
    <w:rsid w:val="007B3212"/>
    <w:rsid w:val="007B4421"/>
    <w:rsid w:val="007B4E8E"/>
    <w:rsid w:val="007B6290"/>
    <w:rsid w:val="007B73BE"/>
    <w:rsid w:val="007B76D2"/>
    <w:rsid w:val="007C08A3"/>
    <w:rsid w:val="007C0997"/>
    <w:rsid w:val="007C11A7"/>
    <w:rsid w:val="007C1D02"/>
    <w:rsid w:val="007C24EB"/>
    <w:rsid w:val="007C277A"/>
    <w:rsid w:val="007C4402"/>
    <w:rsid w:val="007C4DE2"/>
    <w:rsid w:val="007C6DAC"/>
    <w:rsid w:val="007C7302"/>
    <w:rsid w:val="007C77BB"/>
    <w:rsid w:val="007D1833"/>
    <w:rsid w:val="007D2289"/>
    <w:rsid w:val="007D2746"/>
    <w:rsid w:val="007D27B3"/>
    <w:rsid w:val="007D37C6"/>
    <w:rsid w:val="007D50B6"/>
    <w:rsid w:val="007D6D84"/>
    <w:rsid w:val="007E0340"/>
    <w:rsid w:val="007E11FC"/>
    <w:rsid w:val="007E13C8"/>
    <w:rsid w:val="007E185B"/>
    <w:rsid w:val="007E30B4"/>
    <w:rsid w:val="007E381F"/>
    <w:rsid w:val="007E3D74"/>
    <w:rsid w:val="007E4C9B"/>
    <w:rsid w:val="007E514A"/>
    <w:rsid w:val="007E5AA1"/>
    <w:rsid w:val="007E729A"/>
    <w:rsid w:val="007F0488"/>
    <w:rsid w:val="007F0B0B"/>
    <w:rsid w:val="007F109F"/>
    <w:rsid w:val="007F10C0"/>
    <w:rsid w:val="007F18BD"/>
    <w:rsid w:val="007F1951"/>
    <w:rsid w:val="007F2679"/>
    <w:rsid w:val="007F39E7"/>
    <w:rsid w:val="007F3A42"/>
    <w:rsid w:val="007F54B5"/>
    <w:rsid w:val="007F567E"/>
    <w:rsid w:val="007F6808"/>
    <w:rsid w:val="007F7320"/>
    <w:rsid w:val="00800148"/>
    <w:rsid w:val="00801138"/>
    <w:rsid w:val="0080207B"/>
    <w:rsid w:val="008026C0"/>
    <w:rsid w:val="008053CC"/>
    <w:rsid w:val="008053E1"/>
    <w:rsid w:val="00807AD9"/>
    <w:rsid w:val="00807F0F"/>
    <w:rsid w:val="008112E2"/>
    <w:rsid w:val="00812E68"/>
    <w:rsid w:val="00813136"/>
    <w:rsid w:val="008158BE"/>
    <w:rsid w:val="00816B26"/>
    <w:rsid w:val="00816E21"/>
    <w:rsid w:val="00817CDA"/>
    <w:rsid w:val="00817F15"/>
    <w:rsid w:val="00817F82"/>
    <w:rsid w:val="008203D1"/>
    <w:rsid w:val="00820B4E"/>
    <w:rsid w:val="0082255B"/>
    <w:rsid w:val="00822831"/>
    <w:rsid w:val="0082469C"/>
    <w:rsid w:val="0082551B"/>
    <w:rsid w:val="00825C38"/>
    <w:rsid w:val="00826F76"/>
    <w:rsid w:val="00827E23"/>
    <w:rsid w:val="00831066"/>
    <w:rsid w:val="00832F4F"/>
    <w:rsid w:val="00834933"/>
    <w:rsid w:val="008359FD"/>
    <w:rsid w:val="00836755"/>
    <w:rsid w:val="00837C2C"/>
    <w:rsid w:val="00842A6B"/>
    <w:rsid w:val="00842E3A"/>
    <w:rsid w:val="008434E2"/>
    <w:rsid w:val="00843B84"/>
    <w:rsid w:val="008454B2"/>
    <w:rsid w:val="008459CB"/>
    <w:rsid w:val="008460B6"/>
    <w:rsid w:val="008469E4"/>
    <w:rsid w:val="00847174"/>
    <w:rsid w:val="0084752F"/>
    <w:rsid w:val="00851F78"/>
    <w:rsid w:val="008522D3"/>
    <w:rsid w:val="008523E6"/>
    <w:rsid w:val="00853CDE"/>
    <w:rsid w:val="008551F8"/>
    <w:rsid w:val="0085572F"/>
    <w:rsid w:val="008608C5"/>
    <w:rsid w:val="0086105F"/>
    <w:rsid w:val="00861241"/>
    <w:rsid w:val="00861901"/>
    <w:rsid w:val="00862CAF"/>
    <w:rsid w:val="00863731"/>
    <w:rsid w:val="00864556"/>
    <w:rsid w:val="00867C59"/>
    <w:rsid w:val="0087017D"/>
    <w:rsid w:val="0087080F"/>
    <w:rsid w:val="00871CBF"/>
    <w:rsid w:val="008721D3"/>
    <w:rsid w:val="00872DF3"/>
    <w:rsid w:val="0087326E"/>
    <w:rsid w:val="00873B8E"/>
    <w:rsid w:val="0087424A"/>
    <w:rsid w:val="008749B8"/>
    <w:rsid w:val="0087556B"/>
    <w:rsid w:val="00875848"/>
    <w:rsid w:val="00875E5A"/>
    <w:rsid w:val="00877B0C"/>
    <w:rsid w:val="00880CD7"/>
    <w:rsid w:val="00881B1E"/>
    <w:rsid w:val="00883341"/>
    <w:rsid w:val="00884BC7"/>
    <w:rsid w:val="00885140"/>
    <w:rsid w:val="00887328"/>
    <w:rsid w:val="00891442"/>
    <w:rsid w:val="008924FC"/>
    <w:rsid w:val="00893625"/>
    <w:rsid w:val="008949C8"/>
    <w:rsid w:val="00894F9D"/>
    <w:rsid w:val="008950CE"/>
    <w:rsid w:val="008963E0"/>
    <w:rsid w:val="0089693D"/>
    <w:rsid w:val="00897033"/>
    <w:rsid w:val="008A1966"/>
    <w:rsid w:val="008A289A"/>
    <w:rsid w:val="008A2BB6"/>
    <w:rsid w:val="008A406F"/>
    <w:rsid w:val="008A44CC"/>
    <w:rsid w:val="008A5435"/>
    <w:rsid w:val="008A59F0"/>
    <w:rsid w:val="008A6695"/>
    <w:rsid w:val="008A680F"/>
    <w:rsid w:val="008A6E39"/>
    <w:rsid w:val="008A6FF0"/>
    <w:rsid w:val="008A7AFC"/>
    <w:rsid w:val="008B0DA1"/>
    <w:rsid w:val="008B1AB3"/>
    <w:rsid w:val="008B26B5"/>
    <w:rsid w:val="008B376C"/>
    <w:rsid w:val="008B3BEF"/>
    <w:rsid w:val="008B45B1"/>
    <w:rsid w:val="008B53BD"/>
    <w:rsid w:val="008B57FB"/>
    <w:rsid w:val="008C0AF6"/>
    <w:rsid w:val="008C0FB2"/>
    <w:rsid w:val="008C17DA"/>
    <w:rsid w:val="008C42F3"/>
    <w:rsid w:val="008C5E24"/>
    <w:rsid w:val="008C642B"/>
    <w:rsid w:val="008C6517"/>
    <w:rsid w:val="008C65B0"/>
    <w:rsid w:val="008C7090"/>
    <w:rsid w:val="008D0140"/>
    <w:rsid w:val="008D03A6"/>
    <w:rsid w:val="008D13DD"/>
    <w:rsid w:val="008D1997"/>
    <w:rsid w:val="008D1C7A"/>
    <w:rsid w:val="008D1F58"/>
    <w:rsid w:val="008D2811"/>
    <w:rsid w:val="008D2A7C"/>
    <w:rsid w:val="008D2BE5"/>
    <w:rsid w:val="008D31BD"/>
    <w:rsid w:val="008D548C"/>
    <w:rsid w:val="008D54CE"/>
    <w:rsid w:val="008D5D22"/>
    <w:rsid w:val="008D5DD4"/>
    <w:rsid w:val="008D703C"/>
    <w:rsid w:val="008E106A"/>
    <w:rsid w:val="008E2191"/>
    <w:rsid w:val="008E27BF"/>
    <w:rsid w:val="008E283A"/>
    <w:rsid w:val="008E2F0B"/>
    <w:rsid w:val="008E3123"/>
    <w:rsid w:val="008E4021"/>
    <w:rsid w:val="008E49A6"/>
    <w:rsid w:val="008E4B7E"/>
    <w:rsid w:val="008E6C60"/>
    <w:rsid w:val="008E720F"/>
    <w:rsid w:val="008F0062"/>
    <w:rsid w:val="008F03D6"/>
    <w:rsid w:val="008F0C4F"/>
    <w:rsid w:val="008F2692"/>
    <w:rsid w:val="008F2DF2"/>
    <w:rsid w:val="008F38F1"/>
    <w:rsid w:val="008F4172"/>
    <w:rsid w:val="008F4518"/>
    <w:rsid w:val="008F4816"/>
    <w:rsid w:val="008F538E"/>
    <w:rsid w:val="008F5DAA"/>
    <w:rsid w:val="008F609A"/>
    <w:rsid w:val="008F71D4"/>
    <w:rsid w:val="008F79A5"/>
    <w:rsid w:val="00900628"/>
    <w:rsid w:val="0090070A"/>
    <w:rsid w:val="009015B8"/>
    <w:rsid w:val="0090226E"/>
    <w:rsid w:val="009035CA"/>
    <w:rsid w:val="009040C7"/>
    <w:rsid w:val="0090492A"/>
    <w:rsid w:val="00904AF5"/>
    <w:rsid w:val="00904C2E"/>
    <w:rsid w:val="009056CA"/>
    <w:rsid w:val="00905F41"/>
    <w:rsid w:val="00907163"/>
    <w:rsid w:val="0091013F"/>
    <w:rsid w:val="00910946"/>
    <w:rsid w:val="00910979"/>
    <w:rsid w:val="00911BDC"/>
    <w:rsid w:val="009135B4"/>
    <w:rsid w:val="00913E43"/>
    <w:rsid w:val="00914834"/>
    <w:rsid w:val="0091576E"/>
    <w:rsid w:val="009158BE"/>
    <w:rsid w:val="00915A05"/>
    <w:rsid w:val="00916002"/>
    <w:rsid w:val="009236E0"/>
    <w:rsid w:val="00924441"/>
    <w:rsid w:val="0092498C"/>
    <w:rsid w:val="00924E13"/>
    <w:rsid w:val="009258CE"/>
    <w:rsid w:val="009258F1"/>
    <w:rsid w:val="00925C60"/>
    <w:rsid w:val="00926C2A"/>
    <w:rsid w:val="00926C5F"/>
    <w:rsid w:val="0092709F"/>
    <w:rsid w:val="009273C3"/>
    <w:rsid w:val="009308A5"/>
    <w:rsid w:val="0093097D"/>
    <w:rsid w:val="009318FD"/>
    <w:rsid w:val="00931A72"/>
    <w:rsid w:val="00931B09"/>
    <w:rsid w:val="00931DD0"/>
    <w:rsid w:val="00933D18"/>
    <w:rsid w:val="00936C9C"/>
    <w:rsid w:val="00937030"/>
    <w:rsid w:val="0093730E"/>
    <w:rsid w:val="009419B7"/>
    <w:rsid w:val="00943208"/>
    <w:rsid w:val="00943E61"/>
    <w:rsid w:val="0094420C"/>
    <w:rsid w:val="009447EC"/>
    <w:rsid w:val="00945552"/>
    <w:rsid w:val="0094585E"/>
    <w:rsid w:val="00947296"/>
    <w:rsid w:val="00950278"/>
    <w:rsid w:val="0095149C"/>
    <w:rsid w:val="00952158"/>
    <w:rsid w:val="00952658"/>
    <w:rsid w:val="00953125"/>
    <w:rsid w:val="0096044C"/>
    <w:rsid w:val="00963750"/>
    <w:rsid w:val="00963A73"/>
    <w:rsid w:val="00963A89"/>
    <w:rsid w:val="00963B8E"/>
    <w:rsid w:val="00963E60"/>
    <w:rsid w:val="00963F4F"/>
    <w:rsid w:val="009647D4"/>
    <w:rsid w:val="009660AC"/>
    <w:rsid w:val="0096616B"/>
    <w:rsid w:val="009661D9"/>
    <w:rsid w:val="00967288"/>
    <w:rsid w:val="00967EBF"/>
    <w:rsid w:val="00967ED7"/>
    <w:rsid w:val="00967FC6"/>
    <w:rsid w:val="0097044D"/>
    <w:rsid w:val="00971792"/>
    <w:rsid w:val="00971E14"/>
    <w:rsid w:val="00972630"/>
    <w:rsid w:val="00973C1F"/>
    <w:rsid w:val="00976C35"/>
    <w:rsid w:val="009777D4"/>
    <w:rsid w:val="00977A17"/>
    <w:rsid w:val="009812A9"/>
    <w:rsid w:val="0098179B"/>
    <w:rsid w:val="0098223C"/>
    <w:rsid w:val="00982F66"/>
    <w:rsid w:val="009839CF"/>
    <w:rsid w:val="009847AE"/>
    <w:rsid w:val="009849B7"/>
    <w:rsid w:val="00984ED2"/>
    <w:rsid w:val="00985594"/>
    <w:rsid w:val="0098671C"/>
    <w:rsid w:val="00986F30"/>
    <w:rsid w:val="009909A3"/>
    <w:rsid w:val="00991377"/>
    <w:rsid w:val="00992205"/>
    <w:rsid w:val="00992DA8"/>
    <w:rsid w:val="00993B70"/>
    <w:rsid w:val="0099418F"/>
    <w:rsid w:val="009953ED"/>
    <w:rsid w:val="00996A31"/>
    <w:rsid w:val="00996E43"/>
    <w:rsid w:val="00996EBC"/>
    <w:rsid w:val="0099739D"/>
    <w:rsid w:val="009979F6"/>
    <w:rsid w:val="00997D07"/>
    <w:rsid w:val="009A013D"/>
    <w:rsid w:val="009A05D5"/>
    <w:rsid w:val="009A3319"/>
    <w:rsid w:val="009A39C4"/>
    <w:rsid w:val="009A3EC9"/>
    <w:rsid w:val="009A4209"/>
    <w:rsid w:val="009A4AC1"/>
    <w:rsid w:val="009A527D"/>
    <w:rsid w:val="009A5352"/>
    <w:rsid w:val="009B02DE"/>
    <w:rsid w:val="009B1128"/>
    <w:rsid w:val="009B27D1"/>
    <w:rsid w:val="009B2E6C"/>
    <w:rsid w:val="009B318C"/>
    <w:rsid w:val="009B370C"/>
    <w:rsid w:val="009B3C43"/>
    <w:rsid w:val="009B540E"/>
    <w:rsid w:val="009B7417"/>
    <w:rsid w:val="009B76C9"/>
    <w:rsid w:val="009B7AB4"/>
    <w:rsid w:val="009B7B5C"/>
    <w:rsid w:val="009C0346"/>
    <w:rsid w:val="009C041D"/>
    <w:rsid w:val="009C37E5"/>
    <w:rsid w:val="009C44B7"/>
    <w:rsid w:val="009C5E4F"/>
    <w:rsid w:val="009C62F9"/>
    <w:rsid w:val="009C6AF4"/>
    <w:rsid w:val="009C7249"/>
    <w:rsid w:val="009D0123"/>
    <w:rsid w:val="009D1C34"/>
    <w:rsid w:val="009D2EC2"/>
    <w:rsid w:val="009D45E2"/>
    <w:rsid w:val="009D4A80"/>
    <w:rsid w:val="009D4F24"/>
    <w:rsid w:val="009D4FCB"/>
    <w:rsid w:val="009D555C"/>
    <w:rsid w:val="009D5772"/>
    <w:rsid w:val="009D5809"/>
    <w:rsid w:val="009D6F85"/>
    <w:rsid w:val="009D7038"/>
    <w:rsid w:val="009D7547"/>
    <w:rsid w:val="009E0809"/>
    <w:rsid w:val="009E126B"/>
    <w:rsid w:val="009E1BD6"/>
    <w:rsid w:val="009E235E"/>
    <w:rsid w:val="009E25CB"/>
    <w:rsid w:val="009E2C26"/>
    <w:rsid w:val="009E36A9"/>
    <w:rsid w:val="009E3921"/>
    <w:rsid w:val="009E42D4"/>
    <w:rsid w:val="009E4365"/>
    <w:rsid w:val="009E7C4C"/>
    <w:rsid w:val="009F19D9"/>
    <w:rsid w:val="009F1C58"/>
    <w:rsid w:val="009F1F31"/>
    <w:rsid w:val="009F20F8"/>
    <w:rsid w:val="009F292A"/>
    <w:rsid w:val="009F3A31"/>
    <w:rsid w:val="009F40EB"/>
    <w:rsid w:val="00A00BAE"/>
    <w:rsid w:val="00A01089"/>
    <w:rsid w:val="00A01BE6"/>
    <w:rsid w:val="00A02AA7"/>
    <w:rsid w:val="00A02FFE"/>
    <w:rsid w:val="00A0392A"/>
    <w:rsid w:val="00A03DCF"/>
    <w:rsid w:val="00A03DEA"/>
    <w:rsid w:val="00A05D63"/>
    <w:rsid w:val="00A05F12"/>
    <w:rsid w:val="00A06AD6"/>
    <w:rsid w:val="00A07966"/>
    <w:rsid w:val="00A07B01"/>
    <w:rsid w:val="00A10732"/>
    <w:rsid w:val="00A112FA"/>
    <w:rsid w:val="00A11D02"/>
    <w:rsid w:val="00A12180"/>
    <w:rsid w:val="00A127DD"/>
    <w:rsid w:val="00A13036"/>
    <w:rsid w:val="00A146FE"/>
    <w:rsid w:val="00A1668D"/>
    <w:rsid w:val="00A16A0A"/>
    <w:rsid w:val="00A17843"/>
    <w:rsid w:val="00A20005"/>
    <w:rsid w:val="00A20110"/>
    <w:rsid w:val="00A20262"/>
    <w:rsid w:val="00A2228E"/>
    <w:rsid w:val="00A22C27"/>
    <w:rsid w:val="00A24147"/>
    <w:rsid w:val="00A24438"/>
    <w:rsid w:val="00A25E27"/>
    <w:rsid w:val="00A25EA3"/>
    <w:rsid w:val="00A25FBF"/>
    <w:rsid w:val="00A26DD2"/>
    <w:rsid w:val="00A27474"/>
    <w:rsid w:val="00A27DBE"/>
    <w:rsid w:val="00A329F1"/>
    <w:rsid w:val="00A32FEA"/>
    <w:rsid w:val="00A340D7"/>
    <w:rsid w:val="00A35F00"/>
    <w:rsid w:val="00A36189"/>
    <w:rsid w:val="00A3692F"/>
    <w:rsid w:val="00A40CD1"/>
    <w:rsid w:val="00A42200"/>
    <w:rsid w:val="00A42FB1"/>
    <w:rsid w:val="00A42FB5"/>
    <w:rsid w:val="00A435C9"/>
    <w:rsid w:val="00A45600"/>
    <w:rsid w:val="00A461D9"/>
    <w:rsid w:val="00A46D0D"/>
    <w:rsid w:val="00A500D8"/>
    <w:rsid w:val="00A5155A"/>
    <w:rsid w:val="00A5177D"/>
    <w:rsid w:val="00A526D2"/>
    <w:rsid w:val="00A53893"/>
    <w:rsid w:val="00A55162"/>
    <w:rsid w:val="00A55AD0"/>
    <w:rsid w:val="00A56898"/>
    <w:rsid w:val="00A568CC"/>
    <w:rsid w:val="00A578BB"/>
    <w:rsid w:val="00A60962"/>
    <w:rsid w:val="00A60C92"/>
    <w:rsid w:val="00A62AC2"/>
    <w:rsid w:val="00A633DF"/>
    <w:rsid w:val="00A640D9"/>
    <w:rsid w:val="00A641F9"/>
    <w:rsid w:val="00A65FE7"/>
    <w:rsid w:val="00A66312"/>
    <w:rsid w:val="00A678E1"/>
    <w:rsid w:val="00A67C6B"/>
    <w:rsid w:val="00A7049B"/>
    <w:rsid w:val="00A705A3"/>
    <w:rsid w:val="00A715E5"/>
    <w:rsid w:val="00A717DA"/>
    <w:rsid w:val="00A737A2"/>
    <w:rsid w:val="00A73BE0"/>
    <w:rsid w:val="00A75B3C"/>
    <w:rsid w:val="00A76213"/>
    <w:rsid w:val="00A77DC1"/>
    <w:rsid w:val="00A800C1"/>
    <w:rsid w:val="00A81BD0"/>
    <w:rsid w:val="00A81CA1"/>
    <w:rsid w:val="00A83A6E"/>
    <w:rsid w:val="00A83D5B"/>
    <w:rsid w:val="00A8469C"/>
    <w:rsid w:val="00A85E55"/>
    <w:rsid w:val="00A867FD"/>
    <w:rsid w:val="00A87447"/>
    <w:rsid w:val="00A87703"/>
    <w:rsid w:val="00A904D4"/>
    <w:rsid w:val="00A908DC"/>
    <w:rsid w:val="00A90A7A"/>
    <w:rsid w:val="00A91C53"/>
    <w:rsid w:val="00A91F98"/>
    <w:rsid w:val="00A91F9B"/>
    <w:rsid w:val="00A91FB8"/>
    <w:rsid w:val="00A925F9"/>
    <w:rsid w:val="00A92CBF"/>
    <w:rsid w:val="00A93C57"/>
    <w:rsid w:val="00A95389"/>
    <w:rsid w:val="00A95457"/>
    <w:rsid w:val="00A956FB"/>
    <w:rsid w:val="00A96C87"/>
    <w:rsid w:val="00AA04F2"/>
    <w:rsid w:val="00AA2F47"/>
    <w:rsid w:val="00AA32C0"/>
    <w:rsid w:val="00AA3D50"/>
    <w:rsid w:val="00AA3E02"/>
    <w:rsid w:val="00AA5714"/>
    <w:rsid w:val="00AA6017"/>
    <w:rsid w:val="00AA611A"/>
    <w:rsid w:val="00AA66EF"/>
    <w:rsid w:val="00AA750E"/>
    <w:rsid w:val="00AA76A9"/>
    <w:rsid w:val="00AA79E3"/>
    <w:rsid w:val="00AB1D15"/>
    <w:rsid w:val="00AB28E5"/>
    <w:rsid w:val="00AB5016"/>
    <w:rsid w:val="00AB686D"/>
    <w:rsid w:val="00AB6BF2"/>
    <w:rsid w:val="00AB6D0F"/>
    <w:rsid w:val="00AB750B"/>
    <w:rsid w:val="00AC1262"/>
    <w:rsid w:val="00AC12F9"/>
    <w:rsid w:val="00AC4482"/>
    <w:rsid w:val="00AC4E80"/>
    <w:rsid w:val="00AC5598"/>
    <w:rsid w:val="00AC5C88"/>
    <w:rsid w:val="00AC6464"/>
    <w:rsid w:val="00AC758F"/>
    <w:rsid w:val="00AD0CCC"/>
    <w:rsid w:val="00AD148D"/>
    <w:rsid w:val="00AD1525"/>
    <w:rsid w:val="00AD1A9D"/>
    <w:rsid w:val="00AD3476"/>
    <w:rsid w:val="00AD3A29"/>
    <w:rsid w:val="00AD4871"/>
    <w:rsid w:val="00AD5ED4"/>
    <w:rsid w:val="00AD5EFD"/>
    <w:rsid w:val="00AD6983"/>
    <w:rsid w:val="00AE0260"/>
    <w:rsid w:val="00AE0981"/>
    <w:rsid w:val="00AE0DE4"/>
    <w:rsid w:val="00AE0EEF"/>
    <w:rsid w:val="00AE18A2"/>
    <w:rsid w:val="00AE1A1B"/>
    <w:rsid w:val="00AE1ABB"/>
    <w:rsid w:val="00AE27E1"/>
    <w:rsid w:val="00AE2E5E"/>
    <w:rsid w:val="00AE316A"/>
    <w:rsid w:val="00AE41CD"/>
    <w:rsid w:val="00AE41DE"/>
    <w:rsid w:val="00AE5673"/>
    <w:rsid w:val="00AE6606"/>
    <w:rsid w:val="00AE6824"/>
    <w:rsid w:val="00AE6A8B"/>
    <w:rsid w:val="00AE7159"/>
    <w:rsid w:val="00AE7B35"/>
    <w:rsid w:val="00AE7C73"/>
    <w:rsid w:val="00AF023D"/>
    <w:rsid w:val="00AF1705"/>
    <w:rsid w:val="00AF20EB"/>
    <w:rsid w:val="00AF3943"/>
    <w:rsid w:val="00AF4F4D"/>
    <w:rsid w:val="00AF54EB"/>
    <w:rsid w:val="00AF5E86"/>
    <w:rsid w:val="00AF6288"/>
    <w:rsid w:val="00AF6F18"/>
    <w:rsid w:val="00AF735E"/>
    <w:rsid w:val="00B003CF"/>
    <w:rsid w:val="00B0052F"/>
    <w:rsid w:val="00B00ED1"/>
    <w:rsid w:val="00B01253"/>
    <w:rsid w:val="00B0309C"/>
    <w:rsid w:val="00B03265"/>
    <w:rsid w:val="00B03662"/>
    <w:rsid w:val="00B06F71"/>
    <w:rsid w:val="00B074EE"/>
    <w:rsid w:val="00B07978"/>
    <w:rsid w:val="00B07D4D"/>
    <w:rsid w:val="00B10961"/>
    <w:rsid w:val="00B10DDC"/>
    <w:rsid w:val="00B11655"/>
    <w:rsid w:val="00B127F8"/>
    <w:rsid w:val="00B12F15"/>
    <w:rsid w:val="00B135EA"/>
    <w:rsid w:val="00B14A2B"/>
    <w:rsid w:val="00B14AB8"/>
    <w:rsid w:val="00B154E8"/>
    <w:rsid w:val="00B15645"/>
    <w:rsid w:val="00B1604B"/>
    <w:rsid w:val="00B167DA"/>
    <w:rsid w:val="00B1733D"/>
    <w:rsid w:val="00B17ABA"/>
    <w:rsid w:val="00B20944"/>
    <w:rsid w:val="00B21C5F"/>
    <w:rsid w:val="00B22A66"/>
    <w:rsid w:val="00B22B9D"/>
    <w:rsid w:val="00B22C9E"/>
    <w:rsid w:val="00B2335B"/>
    <w:rsid w:val="00B2434E"/>
    <w:rsid w:val="00B24ED3"/>
    <w:rsid w:val="00B261EE"/>
    <w:rsid w:val="00B26F3B"/>
    <w:rsid w:val="00B2796E"/>
    <w:rsid w:val="00B31C23"/>
    <w:rsid w:val="00B320C2"/>
    <w:rsid w:val="00B324D9"/>
    <w:rsid w:val="00B3377C"/>
    <w:rsid w:val="00B34AA7"/>
    <w:rsid w:val="00B34C1F"/>
    <w:rsid w:val="00B36CCE"/>
    <w:rsid w:val="00B36F90"/>
    <w:rsid w:val="00B41041"/>
    <w:rsid w:val="00B4160F"/>
    <w:rsid w:val="00B43CED"/>
    <w:rsid w:val="00B4415B"/>
    <w:rsid w:val="00B44E63"/>
    <w:rsid w:val="00B459A8"/>
    <w:rsid w:val="00B45B6D"/>
    <w:rsid w:val="00B46F15"/>
    <w:rsid w:val="00B47F73"/>
    <w:rsid w:val="00B50F66"/>
    <w:rsid w:val="00B51655"/>
    <w:rsid w:val="00B51FF8"/>
    <w:rsid w:val="00B52221"/>
    <w:rsid w:val="00B522FE"/>
    <w:rsid w:val="00B532EC"/>
    <w:rsid w:val="00B53944"/>
    <w:rsid w:val="00B5412A"/>
    <w:rsid w:val="00B55050"/>
    <w:rsid w:val="00B5632D"/>
    <w:rsid w:val="00B60C14"/>
    <w:rsid w:val="00B61450"/>
    <w:rsid w:val="00B65762"/>
    <w:rsid w:val="00B66011"/>
    <w:rsid w:val="00B660D4"/>
    <w:rsid w:val="00B6635C"/>
    <w:rsid w:val="00B67608"/>
    <w:rsid w:val="00B679A7"/>
    <w:rsid w:val="00B67AD9"/>
    <w:rsid w:val="00B67DBD"/>
    <w:rsid w:val="00B702BE"/>
    <w:rsid w:val="00B7048E"/>
    <w:rsid w:val="00B71002"/>
    <w:rsid w:val="00B7153B"/>
    <w:rsid w:val="00B71D88"/>
    <w:rsid w:val="00B72D9C"/>
    <w:rsid w:val="00B72EDD"/>
    <w:rsid w:val="00B73633"/>
    <w:rsid w:val="00B74DD0"/>
    <w:rsid w:val="00B7590F"/>
    <w:rsid w:val="00B76EA1"/>
    <w:rsid w:val="00B771EF"/>
    <w:rsid w:val="00B77F3A"/>
    <w:rsid w:val="00B8113C"/>
    <w:rsid w:val="00B8151A"/>
    <w:rsid w:val="00B81CD0"/>
    <w:rsid w:val="00B8218E"/>
    <w:rsid w:val="00B83128"/>
    <w:rsid w:val="00B84364"/>
    <w:rsid w:val="00B91652"/>
    <w:rsid w:val="00B93CAE"/>
    <w:rsid w:val="00B94A27"/>
    <w:rsid w:val="00B96542"/>
    <w:rsid w:val="00B96DBD"/>
    <w:rsid w:val="00BA0308"/>
    <w:rsid w:val="00BA185A"/>
    <w:rsid w:val="00BA1929"/>
    <w:rsid w:val="00BA2B05"/>
    <w:rsid w:val="00BA3058"/>
    <w:rsid w:val="00BA45E5"/>
    <w:rsid w:val="00BA505B"/>
    <w:rsid w:val="00BA5FD1"/>
    <w:rsid w:val="00BA6F1D"/>
    <w:rsid w:val="00BA7FF9"/>
    <w:rsid w:val="00BB086F"/>
    <w:rsid w:val="00BB08BF"/>
    <w:rsid w:val="00BB0CEA"/>
    <w:rsid w:val="00BB1E18"/>
    <w:rsid w:val="00BB27F8"/>
    <w:rsid w:val="00BB49E4"/>
    <w:rsid w:val="00BB4A67"/>
    <w:rsid w:val="00BB517B"/>
    <w:rsid w:val="00BB644D"/>
    <w:rsid w:val="00BB7F57"/>
    <w:rsid w:val="00BB7FCE"/>
    <w:rsid w:val="00BC129D"/>
    <w:rsid w:val="00BC1A65"/>
    <w:rsid w:val="00BC1AA8"/>
    <w:rsid w:val="00BC20A4"/>
    <w:rsid w:val="00BC2220"/>
    <w:rsid w:val="00BC28B9"/>
    <w:rsid w:val="00BC357C"/>
    <w:rsid w:val="00BC4531"/>
    <w:rsid w:val="00BC7D7F"/>
    <w:rsid w:val="00BC7E1D"/>
    <w:rsid w:val="00BD117D"/>
    <w:rsid w:val="00BD2EA0"/>
    <w:rsid w:val="00BD5803"/>
    <w:rsid w:val="00BD5891"/>
    <w:rsid w:val="00BD67F1"/>
    <w:rsid w:val="00BD72AF"/>
    <w:rsid w:val="00BD75CD"/>
    <w:rsid w:val="00BD78AD"/>
    <w:rsid w:val="00BD7CA2"/>
    <w:rsid w:val="00BE0878"/>
    <w:rsid w:val="00BE0EBA"/>
    <w:rsid w:val="00BE1C81"/>
    <w:rsid w:val="00BE1F4D"/>
    <w:rsid w:val="00BE2428"/>
    <w:rsid w:val="00BE2684"/>
    <w:rsid w:val="00BE4451"/>
    <w:rsid w:val="00BE514F"/>
    <w:rsid w:val="00BE53CD"/>
    <w:rsid w:val="00BE59B9"/>
    <w:rsid w:val="00BE5A7A"/>
    <w:rsid w:val="00BE62ED"/>
    <w:rsid w:val="00BF023C"/>
    <w:rsid w:val="00BF045B"/>
    <w:rsid w:val="00BF0E11"/>
    <w:rsid w:val="00BF1249"/>
    <w:rsid w:val="00BF1547"/>
    <w:rsid w:val="00BF314F"/>
    <w:rsid w:val="00BF3310"/>
    <w:rsid w:val="00BF3B1E"/>
    <w:rsid w:val="00BF42DB"/>
    <w:rsid w:val="00BF450F"/>
    <w:rsid w:val="00BF6C3C"/>
    <w:rsid w:val="00BF7456"/>
    <w:rsid w:val="00C02C91"/>
    <w:rsid w:val="00C04339"/>
    <w:rsid w:val="00C04957"/>
    <w:rsid w:val="00C0522E"/>
    <w:rsid w:val="00C075B6"/>
    <w:rsid w:val="00C075D8"/>
    <w:rsid w:val="00C105C1"/>
    <w:rsid w:val="00C108FC"/>
    <w:rsid w:val="00C12114"/>
    <w:rsid w:val="00C142C1"/>
    <w:rsid w:val="00C14353"/>
    <w:rsid w:val="00C15B74"/>
    <w:rsid w:val="00C173D7"/>
    <w:rsid w:val="00C17671"/>
    <w:rsid w:val="00C17BF4"/>
    <w:rsid w:val="00C2082D"/>
    <w:rsid w:val="00C211A7"/>
    <w:rsid w:val="00C22107"/>
    <w:rsid w:val="00C23C29"/>
    <w:rsid w:val="00C24629"/>
    <w:rsid w:val="00C25DD1"/>
    <w:rsid w:val="00C32F18"/>
    <w:rsid w:val="00C33AC7"/>
    <w:rsid w:val="00C33D9D"/>
    <w:rsid w:val="00C35211"/>
    <w:rsid w:val="00C35AD2"/>
    <w:rsid w:val="00C36C7B"/>
    <w:rsid w:val="00C42B83"/>
    <w:rsid w:val="00C45B2D"/>
    <w:rsid w:val="00C45D10"/>
    <w:rsid w:val="00C46E5F"/>
    <w:rsid w:val="00C477B4"/>
    <w:rsid w:val="00C47B45"/>
    <w:rsid w:val="00C47CD9"/>
    <w:rsid w:val="00C47FDE"/>
    <w:rsid w:val="00C51407"/>
    <w:rsid w:val="00C516CB"/>
    <w:rsid w:val="00C51BC1"/>
    <w:rsid w:val="00C51CD1"/>
    <w:rsid w:val="00C52073"/>
    <w:rsid w:val="00C52C4D"/>
    <w:rsid w:val="00C53EB0"/>
    <w:rsid w:val="00C54A3A"/>
    <w:rsid w:val="00C54B68"/>
    <w:rsid w:val="00C5505F"/>
    <w:rsid w:val="00C551EB"/>
    <w:rsid w:val="00C552C3"/>
    <w:rsid w:val="00C55674"/>
    <w:rsid w:val="00C561F5"/>
    <w:rsid w:val="00C56602"/>
    <w:rsid w:val="00C573C0"/>
    <w:rsid w:val="00C57FFD"/>
    <w:rsid w:val="00C6026D"/>
    <w:rsid w:val="00C60650"/>
    <w:rsid w:val="00C61A29"/>
    <w:rsid w:val="00C623B8"/>
    <w:rsid w:val="00C62B7D"/>
    <w:rsid w:val="00C63468"/>
    <w:rsid w:val="00C637FE"/>
    <w:rsid w:val="00C63C70"/>
    <w:rsid w:val="00C63D0C"/>
    <w:rsid w:val="00C63E0E"/>
    <w:rsid w:val="00C70B21"/>
    <w:rsid w:val="00C70BC9"/>
    <w:rsid w:val="00C71AC5"/>
    <w:rsid w:val="00C7288A"/>
    <w:rsid w:val="00C74816"/>
    <w:rsid w:val="00C75368"/>
    <w:rsid w:val="00C75483"/>
    <w:rsid w:val="00C75DE9"/>
    <w:rsid w:val="00C76BF6"/>
    <w:rsid w:val="00C778C2"/>
    <w:rsid w:val="00C8209D"/>
    <w:rsid w:val="00C820A6"/>
    <w:rsid w:val="00C829C3"/>
    <w:rsid w:val="00C82FFC"/>
    <w:rsid w:val="00C83900"/>
    <w:rsid w:val="00C83C18"/>
    <w:rsid w:val="00C83D59"/>
    <w:rsid w:val="00C843E7"/>
    <w:rsid w:val="00C85512"/>
    <w:rsid w:val="00C85BC7"/>
    <w:rsid w:val="00C8678D"/>
    <w:rsid w:val="00C909D9"/>
    <w:rsid w:val="00C92456"/>
    <w:rsid w:val="00C925B1"/>
    <w:rsid w:val="00C92FC8"/>
    <w:rsid w:val="00C933E2"/>
    <w:rsid w:val="00C9368D"/>
    <w:rsid w:val="00C93808"/>
    <w:rsid w:val="00C9625C"/>
    <w:rsid w:val="00C96941"/>
    <w:rsid w:val="00C96ADD"/>
    <w:rsid w:val="00C96F8B"/>
    <w:rsid w:val="00C970C1"/>
    <w:rsid w:val="00CA1C6B"/>
    <w:rsid w:val="00CA23AB"/>
    <w:rsid w:val="00CA2FD3"/>
    <w:rsid w:val="00CA452B"/>
    <w:rsid w:val="00CA462E"/>
    <w:rsid w:val="00CA544F"/>
    <w:rsid w:val="00CA5EB0"/>
    <w:rsid w:val="00CA6034"/>
    <w:rsid w:val="00CA6041"/>
    <w:rsid w:val="00CA64FF"/>
    <w:rsid w:val="00CA6523"/>
    <w:rsid w:val="00CA6D0F"/>
    <w:rsid w:val="00CA76AC"/>
    <w:rsid w:val="00CB0348"/>
    <w:rsid w:val="00CB10EA"/>
    <w:rsid w:val="00CB28CD"/>
    <w:rsid w:val="00CB3D7A"/>
    <w:rsid w:val="00CB3DDA"/>
    <w:rsid w:val="00CB4BB5"/>
    <w:rsid w:val="00CB5C6B"/>
    <w:rsid w:val="00CB62F6"/>
    <w:rsid w:val="00CB706F"/>
    <w:rsid w:val="00CB788F"/>
    <w:rsid w:val="00CB7B05"/>
    <w:rsid w:val="00CC0757"/>
    <w:rsid w:val="00CC23C3"/>
    <w:rsid w:val="00CC3195"/>
    <w:rsid w:val="00CC4A8A"/>
    <w:rsid w:val="00CC532A"/>
    <w:rsid w:val="00CC5D6B"/>
    <w:rsid w:val="00CD0D72"/>
    <w:rsid w:val="00CD25B1"/>
    <w:rsid w:val="00CD3BA9"/>
    <w:rsid w:val="00CD4153"/>
    <w:rsid w:val="00CD5072"/>
    <w:rsid w:val="00CD57FE"/>
    <w:rsid w:val="00CD6EEF"/>
    <w:rsid w:val="00CD7523"/>
    <w:rsid w:val="00CE18D6"/>
    <w:rsid w:val="00CE1CD5"/>
    <w:rsid w:val="00CE2290"/>
    <w:rsid w:val="00CE4701"/>
    <w:rsid w:val="00CE5954"/>
    <w:rsid w:val="00CE6A8B"/>
    <w:rsid w:val="00CE72F2"/>
    <w:rsid w:val="00CF0415"/>
    <w:rsid w:val="00CF1B2D"/>
    <w:rsid w:val="00CF2D43"/>
    <w:rsid w:val="00CF36AD"/>
    <w:rsid w:val="00CF3E1A"/>
    <w:rsid w:val="00CF6E09"/>
    <w:rsid w:val="00CF6F7A"/>
    <w:rsid w:val="00D00733"/>
    <w:rsid w:val="00D0079E"/>
    <w:rsid w:val="00D011A4"/>
    <w:rsid w:val="00D015CB"/>
    <w:rsid w:val="00D01620"/>
    <w:rsid w:val="00D01A18"/>
    <w:rsid w:val="00D04250"/>
    <w:rsid w:val="00D042D5"/>
    <w:rsid w:val="00D07F74"/>
    <w:rsid w:val="00D10BEE"/>
    <w:rsid w:val="00D114DA"/>
    <w:rsid w:val="00D11EFC"/>
    <w:rsid w:val="00D12AAB"/>
    <w:rsid w:val="00D12AB0"/>
    <w:rsid w:val="00D13508"/>
    <w:rsid w:val="00D14A35"/>
    <w:rsid w:val="00D15C71"/>
    <w:rsid w:val="00D16B64"/>
    <w:rsid w:val="00D20202"/>
    <w:rsid w:val="00D20E95"/>
    <w:rsid w:val="00D21430"/>
    <w:rsid w:val="00D2153F"/>
    <w:rsid w:val="00D2247C"/>
    <w:rsid w:val="00D2369A"/>
    <w:rsid w:val="00D245D7"/>
    <w:rsid w:val="00D24ABE"/>
    <w:rsid w:val="00D270A1"/>
    <w:rsid w:val="00D272FC"/>
    <w:rsid w:val="00D27541"/>
    <w:rsid w:val="00D27A3A"/>
    <w:rsid w:val="00D31526"/>
    <w:rsid w:val="00D31E0D"/>
    <w:rsid w:val="00D322C4"/>
    <w:rsid w:val="00D33E1B"/>
    <w:rsid w:val="00D340CC"/>
    <w:rsid w:val="00D34444"/>
    <w:rsid w:val="00D34638"/>
    <w:rsid w:val="00D34FD7"/>
    <w:rsid w:val="00D36A69"/>
    <w:rsid w:val="00D36C72"/>
    <w:rsid w:val="00D371B7"/>
    <w:rsid w:val="00D4047D"/>
    <w:rsid w:val="00D405DE"/>
    <w:rsid w:val="00D41102"/>
    <w:rsid w:val="00D41711"/>
    <w:rsid w:val="00D41847"/>
    <w:rsid w:val="00D42FB8"/>
    <w:rsid w:val="00D457F8"/>
    <w:rsid w:val="00D45B6E"/>
    <w:rsid w:val="00D468DA"/>
    <w:rsid w:val="00D47D36"/>
    <w:rsid w:val="00D47DF0"/>
    <w:rsid w:val="00D47FC8"/>
    <w:rsid w:val="00D507F5"/>
    <w:rsid w:val="00D518CD"/>
    <w:rsid w:val="00D52FF1"/>
    <w:rsid w:val="00D5332C"/>
    <w:rsid w:val="00D53E8F"/>
    <w:rsid w:val="00D55433"/>
    <w:rsid w:val="00D561D5"/>
    <w:rsid w:val="00D61DBB"/>
    <w:rsid w:val="00D64D74"/>
    <w:rsid w:val="00D64E42"/>
    <w:rsid w:val="00D6735D"/>
    <w:rsid w:val="00D7043E"/>
    <w:rsid w:val="00D70D94"/>
    <w:rsid w:val="00D70F0F"/>
    <w:rsid w:val="00D715B3"/>
    <w:rsid w:val="00D7177D"/>
    <w:rsid w:val="00D7529A"/>
    <w:rsid w:val="00D752C7"/>
    <w:rsid w:val="00D756EC"/>
    <w:rsid w:val="00D77262"/>
    <w:rsid w:val="00D80824"/>
    <w:rsid w:val="00D80B5F"/>
    <w:rsid w:val="00D83458"/>
    <w:rsid w:val="00D844DC"/>
    <w:rsid w:val="00D86027"/>
    <w:rsid w:val="00D86B0B"/>
    <w:rsid w:val="00D870EE"/>
    <w:rsid w:val="00D875D3"/>
    <w:rsid w:val="00D87DB2"/>
    <w:rsid w:val="00D90428"/>
    <w:rsid w:val="00D91F4A"/>
    <w:rsid w:val="00D930BD"/>
    <w:rsid w:val="00D9406D"/>
    <w:rsid w:val="00D96BC6"/>
    <w:rsid w:val="00D9778B"/>
    <w:rsid w:val="00DA06F2"/>
    <w:rsid w:val="00DA297B"/>
    <w:rsid w:val="00DA33F0"/>
    <w:rsid w:val="00DA348D"/>
    <w:rsid w:val="00DA3616"/>
    <w:rsid w:val="00DA40A7"/>
    <w:rsid w:val="00DA4924"/>
    <w:rsid w:val="00DA512A"/>
    <w:rsid w:val="00DA628A"/>
    <w:rsid w:val="00DA62D7"/>
    <w:rsid w:val="00DA675F"/>
    <w:rsid w:val="00DA7388"/>
    <w:rsid w:val="00DB03EF"/>
    <w:rsid w:val="00DB060D"/>
    <w:rsid w:val="00DB0A8D"/>
    <w:rsid w:val="00DB17BC"/>
    <w:rsid w:val="00DB188E"/>
    <w:rsid w:val="00DB20B2"/>
    <w:rsid w:val="00DB4B07"/>
    <w:rsid w:val="00DB4D23"/>
    <w:rsid w:val="00DB641E"/>
    <w:rsid w:val="00DB6C14"/>
    <w:rsid w:val="00DB6C24"/>
    <w:rsid w:val="00DB6C91"/>
    <w:rsid w:val="00DB7DD6"/>
    <w:rsid w:val="00DC015C"/>
    <w:rsid w:val="00DC08B0"/>
    <w:rsid w:val="00DC08D0"/>
    <w:rsid w:val="00DC1290"/>
    <w:rsid w:val="00DC1414"/>
    <w:rsid w:val="00DC1593"/>
    <w:rsid w:val="00DC31D3"/>
    <w:rsid w:val="00DC34ED"/>
    <w:rsid w:val="00DC3CD6"/>
    <w:rsid w:val="00DC5A5A"/>
    <w:rsid w:val="00DC5B79"/>
    <w:rsid w:val="00DC6ABA"/>
    <w:rsid w:val="00DC70A0"/>
    <w:rsid w:val="00DC77C4"/>
    <w:rsid w:val="00DD0D95"/>
    <w:rsid w:val="00DD20E9"/>
    <w:rsid w:val="00DD2858"/>
    <w:rsid w:val="00DD2B7B"/>
    <w:rsid w:val="00DD2FB8"/>
    <w:rsid w:val="00DD360F"/>
    <w:rsid w:val="00DD3855"/>
    <w:rsid w:val="00DE0584"/>
    <w:rsid w:val="00DE0757"/>
    <w:rsid w:val="00DE19D8"/>
    <w:rsid w:val="00DE2613"/>
    <w:rsid w:val="00DE2E6D"/>
    <w:rsid w:val="00DE2F98"/>
    <w:rsid w:val="00DE3CA4"/>
    <w:rsid w:val="00DE442D"/>
    <w:rsid w:val="00DE553B"/>
    <w:rsid w:val="00DE730B"/>
    <w:rsid w:val="00DE752D"/>
    <w:rsid w:val="00DE7774"/>
    <w:rsid w:val="00DE787A"/>
    <w:rsid w:val="00DE7A0C"/>
    <w:rsid w:val="00DE7ACD"/>
    <w:rsid w:val="00DE7FDD"/>
    <w:rsid w:val="00DF11FF"/>
    <w:rsid w:val="00DF1465"/>
    <w:rsid w:val="00DF1940"/>
    <w:rsid w:val="00DF2B5D"/>
    <w:rsid w:val="00DF57CA"/>
    <w:rsid w:val="00DF59A3"/>
    <w:rsid w:val="00DF6D43"/>
    <w:rsid w:val="00DF6FDD"/>
    <w:rsid w:val="00E0022A"/>
    <w:rsid w:val="00E00E32"/>
    <w:rsid w:val="00E00E3B"/>
    <w:rsid w:val="00E0212B"/>
    <w:rsid w:val="00E0233A"/>
    <w:rsid w:val="00E02B66"/>
    <w:rsid w:val="00E04251"/>
    <w:rsid w:val="00E0530B"/>
    <w:rsid w:val="00E06412"/>
    <w:rsid w:val="00E06F24"/>
    <w:rsid w:val="00E07044"/>
    <w:rsid w:val="00E077AD"/>
    <w:rsid w:val="00E07A5F"/>
    <w:rsid w:val="00E07A80"/>
    <w:rsid w:val="00E105C0"/>
    <w:rsid w:val="00E11BC8"/>
    <w:rsid w:val="00E12309"/>
    <w:rsid w:val="00E134D4"/>
    <w:rsid w:val="00E14E6B"/>
    <w:rsid w:val="00E15815"/>
    <w:rsid w:val="00E163C9"/>
    <w:rsid w:val="00E1677E"/>
    <w:rsid w:val="00E2128D"/>
    <w:rsid w:val="00E21740"/>
    <w:rsid w:val="00E217CF"/>
    <w:rsid w:val="00E2356C"/>
    <w:rsid w:val="00E239E8"/>
    <w:rsid w:val="00E25322"/>
    <w:rsid w:val="00E26280"/>
    <w:rsid w:val="00E2662A"/>
    <w:rsid w:val="00E277C6"/>
    <w:rsid w:val="00E279B3"/>
    <w:rsid w:val="00E34FA8"/>
    <w:rsid w:val="00E35AD9"/>
    <w:rsid w:val="00E367AA"/>
    <w:rsid w:val="00E369A9"/>
    <w:rsid w:val="00E402B2"/>
    <w:rsid w:val="00E40852"/>
    <w:rsid w:val="00E40883"/>
    <w:rsid w:val="00E40D4C"/>
    <w:rsid w:val="00E42AF0"/>
    <w:rsid w:val="00E434A8"/>
    <w:rsid w:val="00E43AB1"/>
    <w:rsid w:val="00E44B9B"/>
    <w:rsid w:val="00E459AE"/>
    <w:rsid w:val="00E46021"/>
    <w:rsid w:val="00E46F47"/>
    <w:rsid w:val="00E50F1A"/>
    <w:rsid w:val="00E5377F"/>
    <w:rsid w:val="00E5555C"/>
    <w:rsid w:val="00E55F20"/>
    <w:rsid w:val="00E562E0"/>
    <w:rsid w:val="00E60A51"/>
    <w:rsid w:val="00E61F20"/>
    <w:rsid w:val="00E62472"/>
    <w:rsid w:val="00E62693"/>
    <w:rsid w:val="00E63084"/>
    <w:rsid w:val="00E65E70"/>
    <w:rsid w:val="00E66A5C"/>
    <w:rsid w:val="00E6737B"/>
    <w:rsid w:val="00E703AD"/>
    <w:rsid w:val="00E70B51"/>
    <w:rsid w:val="00E717AA"/>
    <w:rsid w:val="00E72252"/>
    <w:rsid w:val="00E73BB3"/>
    <w:rsid w:val="00E74170"/>
    <w:rsid w:val="00E74A52"/>
    <w:rsid w:val="00E75672"/>
    <w:rsid w:val="00E75AED"/>
    <w:rsid w:val="00E77FE1"/>
    <w:rsid w:val="00E80923"/>
    <w:rsid w:val="00E80BEE"/>
    <w:rsid w:val="00E81290"/>
    <w:rsid w:val="00E82540"/>
    <w:rsid w:val="00E8642C"/>
    <w:rsid w:val="00E865CF"/>
    <w:rsid w:val="00E87631"/>
    <w:rsid w:val="00E9104A"/>
    <w:rsid w:val="00E91833"/>
    <w:rsid w:val="00E91D3A"/>
    <w:rsid w:val="00E92E3F"/>
    <w:rsid w:val="00E92ECD"/>
    <w:rsid w:val="00E92FBF"/>
    <w:rsid w:val="00E934D5"/>
    <w:rsid w:val="00E9370E"/>
    <w:rsid w:val="00E93DF9"/>
    <w:rsid w:val="00E95259"/>
    <w:rsid w:val="00E96511"/>
    <w:rsid w:val="00EA19EE"/>
    <w:rsid w:val="00EA1BD1"/>
    <w:rsid w:val="00EA1C97"/>
    <w:rsid w:val="00EA25B0"/>
    <w:rsid w:val="00EA2CB0"/>
    <w:rsid w:val="00EA39C1"/>
    <w:rsid w:val="00EA4358"/>
    <w:rsid w:val="00EA5EE2"/>
    <w:rsid w:val="00EA6538"/>
    <w:rsid w:val="00EA6C92"/>
    <w:rsid w:val="00EA74C0"/>
    <w:rsid w:val="00EA7984"/>
    <w:rsid w:val="00EB2588"/>
    <w:rsid w:val="00EB290B"/>
    <w:rsid w:val="00EB36A3"/>
    <w:rsid w:val="00EB38DB"/>
    <w:rsid w:val="00EB3DBA"/>
    <w:rsid w:val="00EB429D"/>
    <w:rsid w:val="00EB4C50"/>
    <w:rsid w:val="00EB6DC7"/>
    <w:rsid w:val="00EB775F"/>
    <w:rsid w:val="00EC01B1"/>
    <w:rsid w:val="00EC0F03"/>
    <w:rsid w:val="00EC1633"/>
    <w:rsid w:val="00EC2962"/>
    <w:rsid w:val="00EC3A8B"/>
    <w:rsid w:val="00EC4F83"/>
    <w:rsid w:val="00EC54AD"/>
    <w:rsid w:val="00EC6C35"/>
    <w:rsid w:val="00EC73DA"/>
    <w:rsid w:val="00ED0453"/>
    <w:rsid w:val="00ED04EB"/>
    <w:rsid w:val="00ED0504"/>
    <w:rsid w:val="00ED1D8D"/>
    <w:rsid w:val="00ED2335"/>
    <w:rsid w:val="00ED28F2"/>
    <w:rsid w:val="00ED2C76"/>
    <w:rsid w:val="00ED2E97"/>
    <w:rsid w:val="00ED3AA4"/>
    <w:rsid w:val="00ED3C56"/>
    <w:rsid w:val="00ED5868"/>
    <w:rsid w:val="00ED5BBB"/>
    <w:rsid w:val="00ED6A3B"/>
    <w:rsid w:val="00ED6DD7"/>
    <w:rsid w:val="00ED6F87"/>
    <w:rsid w:val="00ED731A"/>
    <w:rsid w:val="00ED7830"/>
    <w:rsid w:val="00EE12C6"/>
    <w:rsid w:val="00EE3A29"/>
    <w:rsid w:val="00EE523A"/>
    <w:rsid w:val="00EE5489"/>
    <w:rsid w:val="00EE5DEF"/>
    <w:rsid w:val="00EE60B2"/>
    <w:rsid w:val="00EE667E"/>
    <w:rsid w:val="00EE69EB"/>
    <w:rsid w:val="00EE76DD"/>
    <w:rsid w:val="00EF0799"/>
    <w:rsid w:val="00EF0D13"/>
    <w:rsid w:val="00EF1802"/>
    <w:rsid w:val="00EF298D"/>
    <w:rsid w:val="00EF2CF4"/>
    <w:rsid w:val="00EF2D80"/>
    <w:rsid w:val="00EF314D"/>
    <w:rsid w:val="00EF4DEC"/>
    <w:rsid w:val="00EF634B"/>
    <w:rsid w:val="00EF658B"/>
    <w:rsid w:val="00EF736D"/>
    <w:rsid w:val="00EF7A52"/>
    <w:rsid w:val="00F00285"/>
    <w:rsid w:val="00F013F9"/>
    <w:rsid w:val="00F01D7A"/>
    <w:rsid w:val="00F02AEC"/>
    <w:rsid w:val="00F02CAA"/>
    <w:rsid w:val="00F03215"/>
    <w:rsid w:val="00F03452"/>
    <w:rsid w:val="00F034E5"/>
    <w:rsid w:val="00F04E4B"/>
    <w:rsid w:val="00F05F59"/>
    <w:rsid w:val="00F0640C"/>
    <w:rsid w:val="00F07190"/>
    <w:rsid w:val="00F073E1"/>
    <w:rsid w:val="00F07B66"/>
    <w:rsid w:val="00F10E60"/>
    <w:rsid w:val="00F10F34"/>
    <w:rsid w:val="00F11B89"/>
    <w:rsid w:val="00F12D47"/>
    <w:rsid w:val="00F14042"/>
    <w:rsid w:val="00F14D41"/>
    <w:rsid w:val="00F1518C"/>
    <w:rsid w:val="00F15FDF"/>
    <w:rsid w:val="00F1662D"/>
    <w:rsid w:val="00F173C7"/>
    <w:rsid w:val="00F1745C"/>
    <w:rsid w:val="00F20B02"/>
    <w:rsid w:val="00F21332"/>
    <w:rsid w:val="00F21A3F"/>
    <w:rsid w:val="00F21CA6"/>
    <w:rsid w:val="00F21E7C"/>
    <w:rsid w:val="00F21EE7"/>
    <w:rsid w:val="00F2264E"/>
    <w:rsid w:val="00F2341C"/>
    <w:rsid w:val="00F23A95"/>
    <w:rsid w:val="00F24EF3"/>
    <w:rsid w:val="00F25099"/>
    <w:rsid w:val="00F25466"/>
    <w:rsid w:val="00F25F16"/>
    <w:rsid w:val="00F26F4E"/>
    <w:rsid w:val="00F273D9"/>
    <w:rsid w:val="00F309A7"/>
    <w:rsid w:val="00F31403"/>
    <w:rsid w:val="00F3246C"/>
    <w:rsid w:val="00F34867"/>
    <w:rsid w:val="00F35AD2"/>
    <w:rsid w:val="00F36B04"/>
    <w:rsid w:val="00F36CF9"/>
    <w:rsid w:val="00F40392"/>
    <w:rsid w:val="00F40BC8"/>
    <w:rsid w:val="00F40C5D"/>
    <w:rsid w:val="00F444D8"/>
    <w:rsid w:val="00F44708"/>
    <w:rsid w:val="00F44C53"/>
    <w:rsid w:val="00F45095"/>
    <w:rsid w:val="00F45367"/>
    <w:rsid w:val="00F458D1"/>
    <w:rsid w:val="00F45ABA"/>
    <w:rsid w:val="00F45DF0"/>
    <w:rsid w:val="00F46626"/>
    <w:rsid w:val="00F472B4"/>
    <w:rsid w:val="00F47C94"/>
    <w:rsid w:val="00F51E88"/>
    <w:rsid w:val="00F523C8"/>
    <w:rsid w:val="00F542F8"/>
    <w:rsid w:val="00F55E11"/>
    <w:rsid w:val="00F55E3C"/>
    <w:rsid w:val="00F57141"/>
    <w:rsid w:val="00F57C6B"/>
    <w:rsid w:val="00F600AE"/>
    <w:rsid w:val="00F60810"/>
    <w:rsid w:val="00F6112F"/>
    <w:rsid w:val="00F62347"/>
    <w:rsid w:val="00F624BF"/>
    <w:rsid w:val="00F63777"/>
    <w:rsid w:val="00F63D84"/>
    <w:rsid w:val="00F64E9B"/>
    <w:rsid w:val="00F657FA"/>
    <w:rsid w:val="00F65F93"/>
    <w:rsid w:val="00F7184F"/>
    <w:rsid w:val="00F72610"/>
    <w:rsid w:val="00F72C3C"/>
    <w:rsid w:val="00F75535"/>
    <w:rsid w:val="00F759ED"/>
    <w:rsid w:val="00F75DCD"/>
    <w:rsid w:val="00F7661B"/>
    <w:rsid w:val="00F7661E"/>
    <w:rsid w:val="00F76CE5"/>
    <w:rsid w:val="00F76CE9"/>
    <w:rsid w:val="00F76D11"/>
    <w:rsid w:val="00F7753A"/>
    <w:rsid w:val="00F77C6B"/>
    <w:rsid w:val="00F77E00"/>
    <w:rsid w:val="00F8059D"/>
    <w:rsid w:val="00F81CF8"/>
    <w:rsid w:val="00F8248D"/>
    <w:rsid w:val="00F83CCE"/>
    <w:rsid w:val="00F83FC3"/>
    <w:rsid w:val="00F84146"/>
    <w:rsid w:val="00F85D7B"/>
    <w:rsid w:val="00F90C93"/>
    <w:rsid w:val="00F918A7"/>
    <w:rsid w:val="00F92947"/>
    <w:rsid w:val="00F93059"/>
    <w:rsid w:val="00F93D65"/>
    <w:rsid w:val="00F9409A"/>
    <w:rsid w:val="00F94C46"/>
    <w:rsid w:val="00F964AA"/>
    <w:rsid w:val="00F965B7"/>
    <w:rsid w:val="00F976DE"/>
    <w:rsid w:val="00F97C19"/>
    <w:rsid w:val="00FA02F1"/>
    <w:rsid w:val="00FA0DF6"/>
    <w:rsid w:val="00FA1B45"/>
    <w:rsid w:val="00FA2081"/>
    <w:rsid w:val="00FA2138"/>
    <w:rsid w:val="00FA32EA"/>
    <w:rsid w:val="00FA35EE"/>
    <w:rsid w:val="00FA39CB"/>
    <w:rsid w:val="00FA3CEC"/>
    <w:rsid w:val="00FA4558"/>
    <w:rsid w:val="00FA58F6"/>
    <w:rsid w:val="00FA5901"/>
    <w:rsid w:val="00FA78DF"/>
    <w:rsid w:val="00FA7E39"/>
    <w:rsid w:val="00FB0AB7"/>
    <w:rsid w:val="00FB10A3"/>
    <w:rsid w:val="00FB1682"/>
    <w:rsid w:val="00FB1723"/>
    <w:rsid w:val="00FB1D32"/>
    <w:rsid w:val="00FB4BA7"/>
    <w:rsid w:val="00FB57E4"/>
    <w:rsid w:val="00FB5E25"/>
    <w:rsid w:val="00FB6AE9"/>
    <w:rsid w:val="00FB7F36"/>
    <w:rsid w:val="00FC0131"/>
    <w:rsid w:val="00FC2152"/>
    <w:rsid w:val="00FC238D"/>
    <w:rsid w:val="00FC276C"/>
    <w:rsid w:val="00FC2FC7"/>
    <w:rsid w:val="00FC45C1"/>
    <w:rsid w:val="00FC55B8"/>
    <w:rsid w:val="00FC6F8D"/>
    <w:rsid w:val="00FC7E8F"/>
    <w:rsid w:val="00FC7F35"/>
    <w:rsid w:val="00FD062F"/>
    <w:rsid w:val="00FD085B"/>
    <w:rsid w:val="00FD390D"/>
    <w:rsid w:val="00FD404C"/>
    <w:rsid w:val="00FD563B"/>
    <w:rsid w:val="00FD7679"/>
    <w:rsid w:val="00FD7E13"/>
    <w:rsid w:val="00FE1FA4"/>
    <w:rsid w:val="00FE22B4"/>
    <w:rsid w:val="00FE2F8C"/>
    <w:rsid w:val="00FE405E"/>
    <w:rsid w:val="00FE45E3"/>
    <w:rsid w:val="00FE49BB"/>
    <w:rsid w:val="00FE5838"/>
    <w:rsid w:val="00FE5FF7"/>
    <w:rsid w:val="00FE60AB"/>
    <w:rsid w:val="00FE76B3"/>
    <w:rsid w:val="00FF27B6"/>
    <w:rsid w:val="00FF28CF"/>
    <w:rsid w:val="00FF2BDF"/>
    <w:rsid w:val="00FF2CC5"/>
    <w:rsid w:val="00FF36F1"/>
    <w:rsid w:val="00FF4069"/>
    <w:rsid w:val="00FF4349"/>
    <w:rsid w:val="00FF4A04"/>
    <w:rsid w:val="00FF4E67"/>
    <w:rsid w:val="00FF57F1"/>
    <w:rsid w:val="00FF5DD4"/>
  </w:rsids>
  <w:docVars>
    <w:docVar w:name="SWDocIDLayout" w:val="62"/>
    <w:docVar w:name="SWDocIDLocation" w:val="1"/>
  </w:docVars>
  <m:mathPr>
    <m:mathFont m:val="Cambria Math"/>
  </m:mathPr>
  <w:themeFontLang w:val="en-US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15:chartTrackingRefBased/>
  <w15:docId w15:val="{974EC3C0-7E25-4DF4-B985-998888DDE05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hAnsi="Times New Roman" w:eastAsiaTheme="minorHAnsi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uiPriority="1" w:qFormat="1"/>
    <w:lsdException w:name="heading 3" w:uiPriority="1" w:qFormat="1"/>
    <w:lsdException w:name="heading 4" w:uiPriority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3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4" w:qFormat="1"/>
    <w:lsdException w:name="Salutation" w:semiHidden="1" w:unhideWhenUsed="1"/>
    <w:lsdException w:name="Date" w:semiHidden="1" w:unhideWhenUsed="1"/>
    <w:lsdException w:name="Body Text First Indent" w:uiPriority="2" w:qFormat="1"/>
    <w:lsdException w:name="Body Text First Indent 2" w:semiHidden="1" w:unhideWhenUsed="1"/>
    <w:lsdException w:name="Note Heading" w:semiHidden="1" w:unhideWhenUsed="1"/>
    <w:lsdException w:name="Body Text 2" w:uiPriority="1"/>
    <w:lsdException w:name="Body Text 3" w:uiPriority="7"/>
    <w:lsdException w:name="Body Text Indent 2" w:semiHidden="1" w:unhideWhenUsed="1"/>
    <w:lsdException w:name="Body Text Indent 3" w:semiHidden="1" w:unhideWhenUsed="1"/>
    <w:lsdException w:name="Block Text" w:uiPriority="3" w:qFormat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9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semiHidden/>
    <w:qFormat/>
    <w:rsid w:val="001454A4"/>
    <w:rPr>
      <w:rFonts w:cs="Times New Roman"/>
    </w:rPr>
  </w:style>
  <w:style w:type="paragraph" w:styleId="Heading1">
    <w:name w:val="heading 1"/>
    <w:basedOn w:val="Normal"/>
    <w:next w:val="BodyText"/>
    <w:link w:val="Heading1Char"/>
    <w:uiPriority w:val="9"/>
    <w:qFormat/>
    <w:rsid w:val="001454A4"/>
    <w:pPr>
      <w:keepNext/>
      <w:keepLines/>
      <w:outlineLvl w:val="0"/>
    </w:pPr>
    <w:rPr>
      <w:rFonts w:eastAsiaTheme="majorEastAsia" w:cstheme="majorBidi"/>
      <w:b/>
      <w:bCs/>
      <w:szCs w:val="28"/>
    </w:rPr>
  </w:style>
  <w:style w:type="paragraph" w:styleId="Heading2">
    <w:name w:val="heading 2"/>
    <w:basedOn w:val="Normal"/>
    <w:next w:val="BodyText"/>
    <w:link w:val="Heading2Char"/>
    <w:uiPriority w:val="9"/>
    <w:qFormat/>
    <w:rsid w:val="001454A4"/>
    <w:pPr>
      <w:outlineLvl w:val="1"/>
    </w:pPr>
    <w:rPr>
      <w:rFonts w:eastAsiaTheme="majorEastAsia" w:cstheme="majorBidi"/>
      <w:bCs/>
      <w:szCs w:val="26"/>
    </w:rPr>
  </w:style>
  <w:style w:type="paragraph" w:styleId="Heading3">
    <w:name w:val="heading 3"/>
    <w:basedOn w:val="Normal"/>
    <w:next w:val="BodyText"/>
    <w:link w:val="Heading3Char"/>
    <w:uiPriority w:val="9"/>
    <w:qFormat/>
    <w:rsid w:val="001454A4"/>
    <w:pPr>
      <w:outlineLvl w:val="2"/>
    </w:pPr>
    <w:rPr>
      <w:rFonts w:eastAsiaTheme="majorEastAsia" w:cstheme="majorBidi"/>
      <w:bCs/>
    </w:rPr>
  </w:style>
  <w:style w:type="paragraph" w:styleId="Heading4">
    <w:name w:val="heading 4"/>
    <w:basedOn w:val="Normal"/>
    <w:next w:val="BodyText"/>
    <w:link w:val="Heading4Char"/>
    <w:uiPriority w:val="9"/>
    <w:qFormat/>
    <w:rsid w:val="001454A4"/>
    <w:pPr>
      <w:outlineLvl w:val="3"/>
    </w:pPr>
    <w:rPr>
      <w:rFonts w:eastAsiaTheme="majorEastAsia" w:cstheme="majorBidi"/>
      <w:bCs/>
      <w:iCs/>
    </w:rPr>
  </w:style>
  <w:style w:type="paragraph" w:styleId="Heading5">
    <w:name w:val="heading 5"/>
    <w:basedOn w:val="Normal"/>
    <w:next w:val="BodyText"/>
    <w:link w:val="Heading5Char"/>
    <w:uiPriority w:val="9"/>
    <w:unhideWhenUsed/>
    <w:qFormat/>
    <w:rsid w:val="001454A4"/>
    <w:pPr>
      <w:outlineLvl w:val="4"/>
    </w:pPr>
    <w:rPr>
      <w:rFonts w:eastAsiaTheme="majorEastAsia" w:cstheme="majorBidi"/>
    </w:rPr>
  </w:style>
  <w:style w:type="paragraph" w:styleId="Heading6">
    <w:name w:val="heading 6"/>
    <w:basedOn w:val="Normal"/>
    <w:next w:val="BodyText"/>
    <w:link w:val="Heading6Char"/>
    <w:uiPriority w:val="9"/>
    <w:semiHidden/>
    <w:unhideWhenUsed/>
    <w:qFormat/>
    <w:rsid w:val="001454A4"/>
    <w:pPr>
      <w:outlineLvl w:val="5"/>
    </w:pPr>
    <w:rPr>
      <w:rFonts w:eastAsiaTheme="majorEastAsia" w:cstheme="majorBidi"/>
      <w:iCs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link w:val="BodyTextChar"/>
    <w:qFormat/>
    <w:rsid w:val="000A081F"/>
  </w:style>
  <w:style w:type="character" w:customStyle="1" w:styleId="BodyTextChar">
    <w:name w:val="Body Text Char"/>
    <w:basedOn w:val="DefaultParagraphFont"/>
    <w:link w:val="BodyText"/>
    <w:rsid w:val="00426306"/>
  </w:style>
  <w:style w:type="character" w:customStyle="1" w:styleId="Heading5Char">
    <w:name w:val="Heading 5 Char"/>
    <w:basedOn w:val="DefaultParagraphFont"/>
    <w:link w:val="Heading5"/>
    <w:uiPriority w:val="9"/>
    <w:rsid w:val="001454A4"/>
    <w:rPr>
      <w:rFonts w:eastAsiaTheme="majorEastAsia" w:cstheme="majorBidi"/>
    </w:rPr>
  </w:style>
  <w:style w:type="character" w:customStyle="1" w:styleId="Heading1Char">
    <w:name w:val="Heading 1 Char"/>
    <w:basedOn w:val="DefaultParagraphFont"/>
    <w:link w:val="Heading1"/>
    <w:uiPriority w:val="9"/>
    <w:rsid w:val="001454A4"/>
    <w:rPr>
      <w:rFonts w:eastAsiaTheme="majorEastAsia" w:cstheme="majorBidi"/>
      <w:b/>
      <w:bCs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rsid w:val="001454A4"/>
    <w:rPr>
      <w:rFonts w:eastAsiaTheme="majorEastAsia" w:cstheme="majorBidi"/>
      <w:bCs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rsid w:val="001454A4"/>
    <w:rPr>
      <w:rFonts w:eastAsiaTheme="majorEastAsia" w:cstheme="majorBidi"/>
      <w:bCs/>
    </w:rPr>
  </w:style>
  <w:style w:type="character" w:customStyle="1" w:styleId="Heading4Char">
    <w:name w:val="Heading 4 Char"/>
    <w:basedOn w:val="DefaultParagraphFont"/>
    <w:link w:val="Heading4"/>
    <w:uiPriority w:val="9"/>
    <w:rsid w:val="001454A4"/>
    <w:rPr>
      <w:rFonts w:eastAsiaTheme="majorEastAsia" w:cstheme="majorBidi"/>
      <w:bCs/>
      <w:iCs/>
    </w:rPr>
  </w:style>
  <w:style w:type="paragraph" w:styleId="BlockText">
    <w:name w:val="Block Text"/>
    <w:basedOn w:val="Normal"/>
    <w:next w:val="BodyText"/>
    <w:uiPriority w:val="5"/>
    <w:qFormat/>
    <w:rsid w:val="000F0DF9"/>
    <w:pPr>
      <w:ind w:left="1440" w:right="1440"/>
    </w:pPr>
    <w:rPr>
      <w:rFonts w:eastAsiaTheme="minorEastAsia"/>
      <w:iCs/>
    </w:rPr>
  </w:style>
  <w:style w:type="paragraph" w:styleId="BodyTextFirstIndent">
    <w:name w:val="Body Text First Indent"/>
    <w:basedOn w:val="BodyText"/>
    <w:next w:val="BodyText"/>
    <w:link w:val="BodyTextFirstIndentChar"/>
    <w:uiPriority w:val="2"/>
    <w:qFormat/>
    <w:rsid w:val="000F0DF9"/>
    <w:pPr>
      <w:ind w:firstLine="720"/>
    </w:pPr>
  </w:style>
  <w:style w:type="character" w:customStyle="1" w:styleId="BodyTextFirstIndentChar">
    <w:name w:val="Body Text First Indent Char"/>
    <w:basedOn w:val="BodyTextChar"/>
    <w:link w:val="BodyTextFirstIndent"/>
    <w:uiPriority w:val="2"/>
    <w:rsid w:val="000F0DF9"/>
  </w:style>
  <w:style w:type="paragraph" w:styleId="Title">
    <w:name w:val="Title"/>
    <w:basedOn w:val="Normal"/>
    <w:next w:val="BodyText"/>
    <w:link w:val="TitleChar"/>
    <w:uiPriority w:val="3"/>
    <w:qFormat/>
    <w:rsid w:val="000F0DF9"/>
    <w:pPr>
      <w:jc w:val="center"/>
    </w:pPr>
    <w:rPr>
      <w:rFonts w:eastAsiaTheme="majorEastAsia" w:cstheme="majorBidi"/>
      <w:b/>
      <w:caps/>
      <w:spacing w:val="5"/>
      <w:kern w:val="28"/>
      <w:szCs w:val="52"/>
      <w:u w:val="single"/>
    </w:rPr>
  </w:style>
  <w:style w:type="character" w:customStyle="1" w:styleId="TitleChar">
    <w:name w:val="Title Char"/>
    <w:basedOn w:val="DefaultParagraphFont"/>
    <w:link w:val="Title"/>
    <w:uiPriority w:val="3"/>
    <w:rsid w:val="000F0DF9"/>
    <w:rPr>
      <w:rFonts w:eastAsiaTheme="majorEastAsia" w:cstheme="majorBidi"/>
      <w:b/>
      <w:caps/>
      <w:spacing w:val="5"/>
      <w:kern w:val="28"/>
      <w:szCs w:val="52"/>
      <w:u w:val="single"/>
    </w:rPr>
  </w:style>
  <w:style w:type="paragraph" w:styleId="Subtitle">
    <w:name w:val="Subtitle"/>
    <w:basedOn w:val="Normal"/>
    <w:next w:val="BodyText"/>
    <w:link w:val="SubtitleChar"/>
    <w:uiPriority w:val="4"/>
    <w:qFormat/>
    <w:rsid w:val="000F0DF9"/>
    <w:pPr>
      <w:numPr>
        <w:ilvl w:val="1"/>
      </w:numPr>
      <w:jc w:val="center"/>
    </w:pPr>
    <w:rPr>
      <w:rFonts w:eastAsiaTheme="majorEastAsia" w:cstheme="majorBidi"/>
      <w:iCs/>
      <w:spacing w:val="15"/>
      <w:u w:val="single"/>
    </w:rPr>
  </w:style>
  <w:style w:type="character" w:customStyle="1" w:styleId="SubtitleChar">
    <w:name w:val="Subtitle Char"/>
    <w:basedOn w:val="DefaultParagraphFont"/>
    <w:link w:val="Subtitle"/>
    <w:uiPriority w:val="4"/>
    <w:rsid w:val="000F0DF9"/>
    <w:rPr>
      <w:rFonts w:eastAsiaTheme="majorEastAsia" w:cstheme="majorBidi"/>
      <w:iCs/>
      <w:spacing w:val="15"/>
      <w:u w:val="single"/>
    </w:rPr>
  </w:style>
  <w:style w:type="paragraph" w:styleId="BodyText3">
    <w:name w:val="Body Text 3"/>
    <w:basedOn w:val="Normal"/>
    <w:link w:val="BodyText3Char"/>
    <w:uiPriority w:val="7"/>
    <w:rsid w:val="001454A4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7"/>
    <w:rsid w:val="001454A4"/>
    <w:rPr>
      <w:sz w:val="16"/>
      <w:szCs w:val="16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1454A4"/>
    <w:rPr>
      <w:rFonts w:eastAsiaTheme="majorEastAsia" w:cstheme="majorBidi"/>
      <w:iCs/>
    </w:rPr>
  </w:style>
  <w:style w:type="paragraph" w:styleId="NoSpacing">
    <w:name w:val="No Spacing"/>
    <w:uiPriority w:val="9"/>
    <w:qFormat/>
    <w:rsid w:val="001454A4"/>
    <w:pPr>
      <w:spacing w:after="0"/>
    </w:pPr>
  </w:style>
  <w:style w:type="character" w:styleId="SubtleEmphasis">
    <w:name w:val="Subtle Emphasis"/>
    <w:basedOn w:val="DefaultParagraphFont"/>
    <w:uiPriority w:val="19"/>
    <w:qFormat/>
    <w:rsid w:val="001454A4"/>
    <w:rPr>
      <w:i/>
      <w:iCs/>
      <w:color w:val="auto"/>
    </w:rPr>
  </w:style>
  <w:style w:type="character" w:styleId="IntenseEmphasis">
    <w:name w:val="Intense Emphasis"/>
    <w:basedOn w:val="DefaultParagraphFont"/>
    <w:uiPriority w:val="21"/>
    <w:qFormat/>
    <w:rsid w:val="001454A4"/>
    <w:rPr>
      <w:b/>
      <w:bCs/>
      <w:i/>
      <w:iCs/>
      <w:color w:val="auto"/>
    </w:rPr>
  </w:style>
  <w:style w:type="paragraph" w:styleId="Quote">
    <w:name w:val="Quote"/>
    <w:basedOn w:val="Normal"/>
    <w:next w:val="Normal"/>
    <w:link w:val="QuoteChar"/>
    <w:uiPriority w:val="29"/>
    <w:qFormat/>
    <w:rsid w:val="001454A4"/>
    <w:rPr>
      <w:i/>
      <w:iCs/>
      <w:color w:val="000000" w:themeColor="text1"/>
    </w:rPr>
  </w:style>
  <w:style w:type="character" w:customStyle="1" w:styleId="QuoteChar">
    <w:name w:val="Quote Char"/>
    <w:basedOn w:val="DefaultParagraphFont"/>
    <w:link w:val="Quote"/>
    <w:uiPriority w:val="29"/>
    <w:rsid w:val="001454A4"/>
    <w:rPr>
      <w:i/>
      <w:iCs/>
      <w:color w:val="000000" w:themeColor="text1"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1454A4"/>
    <w:pPr>
      <w:ind w:left="936" w:right="936"/>
    </w:pPr>
    <w:rPr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1454A4"/>
    <w:rPr>
      <w:b/>
      <w:bCs/>
      <w:i/>
      <w:iCs/>
    </w:rPr>
  </w:style>
  <w:style w:type="character" w:styleId="SubtleReference">
    <w:name w:val="Subtle Reference"/>
    <w:basedOn w:val="DefaultParagraphFont"/>
    <w:uiPriority w:val="31"/>
    <w:qFormat/>
    <w:rsid w:val="003268F7"/>
    <w:rPr>
      <w:smallCaps/>
      <w:color w:val="auto"/>
      <w:u w:val="single"/>
    </w:rPr>
  </w:style>
  <w:style w:type="character" w:styleId="IntenseReference">
    <w:name w:val="Intense Reference"/>
    <w:basedOn w:val="DefaultParagraphFont"/>
    <w:uiPriority w:val="32"/>
    <w:qFormat/>
    <w:rsid w:val="003268F7"/>
    <w:rPr>
      <w:b/>
      <w:bCs/>
      <w:smallCaps/>
      <w:color w:val="auto"/>
      <w:spacing w:val="5"/>
      <w:u w:val="single"/>
    </w:rPr>
  </w:style>
  <w:style w:type="paragraph" w:styleId="Header">
    <w:name w:val="header"/>
    <w:basedOn w:val="Normal"/>
    <w:link w:val="HeaderChar"/>
    <w:uiPriority w:val="99"/>
    <w:unhideWhenUsed/>
    <w:rsid w:val="00A87703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rsid w:val="00A87703"/>
    <w:rPr>
      <w:rFonts w:cs="Times New Roman"/>
    </w:rPr>
  </w:style>
  <w:style w:type="paragraph" w:styleId="Footer">
    <w:name w:val="footer"/>
    <w:basedOn w:val="Normal"/>
    <w:link w:val="FooterChar"/>
    <w:uiPriority w:val="99"/>
    <w:unhideWhenUsed/>
    <w:rsid w:val="00A87703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rsid w:val="00A87703"/>
    <w:rPr>
      <w:rFonts w:cs="Times New Roman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1936AF"/>
    <w:pPr>
      <w:spacing w:after="0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936AF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relyOnVML/>
  <w:allowPNG/>
</w:webSettings>
</file>

<file path=word/_rels/document.xml.rels>&#65279;<?xml version="1.0" encoding="utf-8" standalone="yes"?><Relationships xmlns="http://schemas.openxmlformats.org/package/2006/relationships"><Relationship Id="rId1" Type="http://schemas.openxmlformats.org/officeDocument/2006/relationships/settings" Target="settings.xml" /><Relationship Id="rId10" Type="http://schemas.openxmlformats.org/officeDocument/2006/relationships/theme" Target="theme/theme1.xml" /><Relationship Id="rId11" Type="http://schemas.openxmlformats.org/officeDocument/2006/relationships/numbering" Target="numbering.xml" /><Relationship Id="rId12" Type="http://schemas.openxmlformats.org/officeDocument/2006/relationships/styles" Target="styles.xml" /><Relationship Id="rId2" Type="http://schemas.openxmlformats.org/officeDocument/2006/relationships/webSettings" Target="webSettings.xml" /><Relationship Id="rId3" Type="http://schemas.openxmlformats.org/officeDocument/2006/relationships/fontTable" Target="fontTable.xml" /><Relationship Id="rId4" Type="http://schemas.openxmlformats.org/officeDocument/2006/relationships/header" Target="header1.xml" /><Relationship Id="rId5" Type="http://schemas.openxmlformats.org/officeDocument/2006/relationships/header" Target="header2.xml" /><Relationship Id="rId6" Type="http://schemas.openxmlformats.org/officeDocument/2006/relationships/footer" Target="footer1.xml" /><Relationship Id="rId7" Type="http://schemas.openxmlformats.org/officeDocument/2006/relationships/footer" Target="footer2.xml" /><Relationship Id="rId8" Type="http://schemas.openxmlformats.org/officeDocument/2006/relationships/header" Target="header3.xml" /><Relationship Id="rId9" Type="http://schemas.openxmlformats.org/officeDocument/2006/relationships/footer" Target="footer3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332</Words>
  <Characters>2407</Characters>
  <Application>Microsoft Office Word</Application>
  <DocSecurity>0</DocSecurity>
  <Lines>104</Lines>
  <Paragraphs>11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625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Laver, Adam E.</cp:lastModifiedBy>
  <cp:revision>1</cp:revision>
  <dcterms:created xsi:type="dcterms:W3CDTF">2024-03-09T11:11:38Z</dcterms:created>
  <dcterms:modified xsi:type="dcterms:W3CDTF">2024-03-09T11:11:38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153449.00406/132754422v.1</vt:lpwstr>
  </property>
</Properties>
</file>